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kfs01\s0107\10_データ連携推進G\42_オープンデータ運用\02_オープンデータサイト\05_市町村共同公開データ更新（年度末）\2023年度\03公開\03HP掲載\"/>
    </mc:Choice>
  </mc:AlternateContent>
  <bookViews>
    <workbookView xWindow="0" yWindow="0" windowWidth="10896" windowHeight="7236"/>
  </bookViews>
  <sheets>
    <sheet name="公立小・中・高等学校等" sheetId="1" r:id="rId1"/>
    <sheet name="リスト" sheetId="2" state="hidden" r:id="rId2"/>
  </sheets>
  <externalReferences>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s>
  <definedNames>
    <definedName name="_xlnm._FilterDatabase" localSheetId="0" hidden="1">公立小・中・高等学校等!$A$1:$R$1414</definedName>
    <definedName name="_xlnm.Print_Area" localSheetId="0">公立小・中・高等学校等!$B$1:$Q$1414</definedName>
    <definedName name="_xlnm.Print_Titles" localSheetId="0">公立小・中・高等学校等!$1:$2</definedName>
  </definedNames>
  <calcPr calcId="162913"/>
</workbook>
</file>

<file path=xl/sharedStrings.xml><?xml version="1.0" encoding="utf-8"?>
<sst xmlns="http://schemas.openxmlformats.org/spreadsheetml/2006/main" count="13066" uniqueCount="10677">
  <si>
    <t>郵便番号</t>
  </si>
  <si>
    <t>緯度</t>
  </si>
  <si>
    <t>経度</t>
  </si>
  <si>
    <t>電話番号</t>
  </si>
  <si>
    <t>FAX番号</t>
  </si>
  <si>
    <t>給食</t>
  </si>
  <si>
    <t>252-0027</t>
  </si>
  <si>
    <t>252-0014</t>
  </si>
  <si>
    <t>252-0012</t>
  </si>
  <si>
    <t>252-0013</t>
  </si>
  <si>
    <t>252-0003</t>
  </si>
  <si>
    <t>252-0004</t>
  </si>
  <si>
    <t>252-0001</t>
  </si>
  <si>
    <t>252-0023</t>
  </si>
  <si>
    <t>252-0016</t>
  </si>
  <si>
    <t>252-0021</t>
  </si>
  <si>
    <t>252-0015</t>
  </si>
  <si>
    <t>市町村名</t>
    <rPh sb="0" eb="3">
      <t>シチョウソン</t>
    </rPh>
    <rPh sb="3" eb="4">
      <t>メイ</t>
    </rPh>
    <phoneticPr fontId="18"/>
  </si>
  <si>
    <t>名称</t>
    <phoneticPr fontId="18"/>
  </si>
  <si>
    <t>名称_カナ</t>
    <rPh sb="0" eb="2">
      <t>メイショウ</t>
    </rPh>
    <phoneticPr fontId="18"/>
  </si>
  <si>
    <t>備考</t>
    <rPh sb="0" eb="2">
      <t>ビコウ</t>
    </rPh>
    <phoneticPr fontId="18"/>
  </si>
  <si>
    <t>ＵＲＬ</t>
    <phoneticPr fontId="18"/>
  </si>
  <si>
    <t>住所</t>
    <rPh sb="0" eb="2">
      <t>ジュウショ</t>
    </rPh>
    <phoneticPr fontId="18"/>
  </si>
  <si>
    <t>学校名を記載</t>
    <rPh sb="0" eb="2">
      <t>ガッコウ</t>
    </rPh>
    <rPh sb="2" eb="3">
      <t>メイ</t>
    </rPh>
    <rPh sb="4" eb="6">
      <t>キサイ</t>
    </rPh>
    <phoneticPr fontId="18"/>
  </si>
  <si>
    <t>学校名をカナで記載</t>
    <phoneticPr fontId="18"/>
  </si>
  <si>
    <t>横浜市立末吉小学校</t>
    <rPh sb="0" eb="4">
      <t>ヨコハマシリツ</t>
    </rPh>
    <rPh sb="4" eb="6">
      <t>スエヨシ</t>
    </rPh>
    <phoneticPr fontId="20"/>
  </si>
  <si>
    <t>230-0011</t>
  </si>
  <si>
    <t>横浜市立市場小学校</t>
    <rPh sb="0" eb="4">
      <t>ヨコハマシリツ</t>
    </rPh>
    <rPh sb="4" eb="6">
      <t>イチバ</t>
    </rPh>
    <phoneticPr fontId="20"/>
  </si>
  <si>
    <t>230-0004</t>
  </si>
  <si>
    <t>横浜市立潮田小学校</t>
    <rPh sb="0" eb="4">
      <t>ヨコハマシリツ</t>
    </rPh>
    <rPh sb="4" eb="6">
      <t>ウシオダ</t>
    </rPh>
    <phoneticPr fontId="20"/>
  </si>
  <si>
    <t>230-0037</t>
  </si>
  <si>
    <t>横浜市立東台小学校</t>
    <rPh sb="0" eb="4">
      <t>ヨコハマシリツ</t>
    </rPh>
    <rPh sb="4" eb="5">
      <t>ヒガシ</t>
    </rPh>
    <rPh sb="5" eb="6">
      <t>ダイ</t>
    </rPh>
    <phoneticPr fontId="20"/>
  </si>
  <si>
    <t>230-0018</t>
  </si>
  <si>
    <t>横浜市立旭小学校</t>
    <rPh sb="0" eb="4">
      <t>ヨコハマシリツ</t>
    </rPh>
    <rPh sb="4" eb="5">
      <t>アサヒ</t>
    </rPh>
    <phoneticPr fontId="20"/>
  </si>
  <si>
    <t>230-0074</t>
  </si>
  <si>
    <t>横浜市立生麦小学校</t>
    <rPh sb="0" eb="4">
      <t>ヨコハマシリツ</t>
    </rPh>
    <rPh sb="4" eb="6">
      <t>ナマムギ</t>
    </rPh>
    <phoneticPr fontId="20"/>
  </si>
  <si>
    <t>230-0052</t>
  </si>
  <si>
    <t>横浜市立豊岡小学校</t>
    <rPh sb="0" eb="4">
      <t>ヨコハマシリツ</t>
    </rPh>
    <rPh sb="4" eb="6">
      <t>トヨオカ</t>
    </rPh>
    <phoneticPr fontId="20"/>
  </si>
  <si>
    <t>230-0062</t>
  </si>
  <si>
    <t>横浜市立下野谷小学校</t>
    <rPh sb="0" eb="4">
      <t>ヨコハマシリツ</t>
    </rPh>
    <rPh sb="4" eb="5">
      <t>シタ</t>
    </rPh>
    <rPh sb="5" eb="6">
      <t>ノ</t>
    </rPh>
    <rPh sb="6" eb="7">
      <t>ヤ</t>
    </rPh>
    <phoneticPr fontId="20"/>
  </si>
  <si>
    <t>230-0047</t>
  </si>
  <si>
    <t>横浜市立入船小学校</t>
    <rPh sb="0" eb="4">
      <t>ヨコハマシリツ</t>
    </rPh>
    <rPh sb="4" eb="6">
      <t>イリフネ</t>
    </rPh>
    <phoneticPr fontId="20"/>
  </si>
  <si>
    <t>230-0036</t>
  </si>
  <si>
    <t>横浜市立鶴見小学校</t>
    <rPh sb="0" eb="4">
      <t>ヨコハマシリツ</t>
    </rPh>
    <rPh sb="4" eb="6">
      <t>ツルミ</t>
    </rPh>
    <phoneticPr fontId="20"/>
  </si>
  <si>
    <t>230-0051</t>
  </si>
  <si>
    <t>横浜市立平安小学校</t>
    <rPh sb="0" eb="4">
      <t>ヨコハマシリツ</t>
    </rPh>
    <rPh sb="4" eb="6">
      <t>ヘイアン</t>
    </rPh>
    <phoneticPr fontId="20"/>
  </si>
  <si>
    <t>230-0031</t>
  </si>
  <si>
    <t>横浜市立岸谷小学校</t>
    <rPh sb="4" eb="6">
      <t>キシヤ</t>
    </rPh>
    <phoneticPr fontId="20"/>
  </si>
  <si>
    <t>230-0078</t>
  </si>
  <si>
    <t>横浜市立矢向小学校</t>
    <rPh sb="4" eb="6">
      <t>ヤコウ</t>
    </rPh>
    <phoneticPr fontId="20"/>
  </si>
  <si>
    <t>230-0001</t>
  </si>
  <si>
    <t>横浜市立上末吉小学校</t>
    <rPh sb="4" eb="5">
      <t>カミ</t>
    </rPh>
    <rPh sb="5" eb="7">
      <t>スエヨシ</t>
    </rPh>
    <phoneticPr fontId="20"/>
  </si>
  <si>
    <t>横浜市立下末吉小学校</t>
    <rPh sb="4" eb="5">
      <t>シモ</t>
    </rPh>
    <rPh sb="5" eb="7">
      <t>スエヨシ</t>
    </rPh>
    <phoneticPr fontId="20"/>
  </si>
  <si>
    <t>230-0012</t>
  </si>
  <si>
    <t>横浜市立寺尾小学校</t>
    <rPh sb="4" eb="6">
      <t>テラオ</t>
    </rPh>
    <phoneticPr fontId="20"/>
  </si>
  <si>
    <t>230-0077</t>
  </si>
  <si>
    <t>横浜市立汐入小学校</t>
    <rPh sb="4" eb="6">
      <t>シオイリ</t>
    </rPh>
    <phoneticPr fontId="20"/>
  </si>
  <si>
    <t>230-0043</t>
  </si>
  <si>
    <t>横浜市立馬場小学校</t>
    <rPh sb="4" eb="6">
      <t>ババ</t>
    </rPh>
    <phoneticPr fontId="20"/>
  </si>
  <si>
    <t>230-0076</t>
  </si>
  <si>
    <t>横浜市立駒岡小学校</t>
  </si>
  <si>
    <t>230-0071</t>
  </si>
  <si>
    <t>230-0073</t>
  </si>
  <si>
    <t>横浜市立上寺尾小学校</t>
    <rPh sb="4" eb="5">
      <t>カミ</t>
    </rPh>
    <rPh sb="5" eb="7">
      <t>テラオ</t>
    </rPh>
    <phoneticPr fontId="20"/>
  </si>
  <si>
    <t>横浜市立新鶴見小学校</t>
    <rPh sb="4" eb="7">
      <t>シンツルミ</t>
    </rPh>
    <phoneticPr fontId="20"/>
  </si>
  <si>
    <t>230-0002</t>
  </si>
  <si>
    <t>横浜市立子安小学校</t>
    <rPh sb="4" eb="6">
      <t>コヤス</t>
    </rPh>
    <phoneticPr fontId="20"/>
  </si>
  <si>
    <t>221-0013</t>
  </si>
  <si>
    <t>横浜市立青木小学校</t>
    <rPh sb="4" eb="6">
      <t>アオキ</t>
    </rPh>
    <phoneticPr fontId="20"/>
  </si>
  <si>
    <t>221-0832</t>
  </si>
  <si>
    <t>横浜市立神奈川小学校</t>
    <rPh sb="4" eb="7">
      <t>カナガワ</t>
    </rPh>
    <phoneticPr fontId="20"/>
  </si>
  <si>
    <t>221-0044</t>
  </si>
  <si>
    <t>横浜市立神橋小学校</t>
    <rPh sb="4" eb="5">
      <t>カミ</t>
    </rPh>
    <rPh sb="5" eb="6">
      <t>バシ</t>
    </rPh>
    <phoneticPr fontId="20"/>
  </si>
  <si>
    <t>221-0802</t>
  </si>
  <si>
    <t>横浜市立二谷小学校</t>
    <rPh sb="4" eb="5">
      <t>ニ</t>
    </rPh>
    <rPh sb="5" eb="6">
      <t>ヤ</t>
    </rPh>
    <phoneticPr fontId="20"/>
  </si>
  <si>
    <t>221-0812</t>
  </si>
  <si>
    <t>横浜市立浦島小学校</t>
    <rPh sb="4" eb="6">
      <t>ウラシマ</t>
    </rPh>
    <phoneticPr fontId="20"/>
  </si>
  <si>
    <t>221-0062</t>
  </si>
  <si>
    <t>221-0864</t>
  </si>
  <si>
    <t>221-0051</t>
  </si>
  <si>
    <t>横浜市立三ツ沢小学校</t>
    <rPh sb="4" eb="5">
      <t>ミ</t>
    </rPh>
    <rPh sb="6" eb="7">
      <t>ザワ</t>
    </rPh>
    <phoneticPr fontId="20"/>
  </si>
  <si>
    <t>221-0851</t>
  </si>
  <si>
    <t>横浜市立白幡小学校</t>
    <rPh sb="4" eb="6">
      <t>シラハタ</t>
    </rPh>
    <phoneticPr fontId="20"/>
  </si>
  <si>
    <t>221-0075</t>
  </si>
  <si>
    <t>横浜市立斎藤分小学校</t>
    <rPh sb="4" eb="6">
      <t>サイトウ</t>
    </rPh>
    <rPh sb="6" eb="7">
      <t>ブン</t>
    </rPh>
    <phoneticPr fontId="20"/>
  </si>
  <si>
    <t>221-0811</t>
  </si>
  <si>
    <t>横浜市立西寺尾小学校</t>
    <rPh sb="4" eb="7">
      <t>ニシテラオ</t>
    </rPh>
    <phoneticPr fontId="20"/>
  </si>
  <si>
    <t>221-0001</t>
  </si>
  <si>
    <t>横浜市立大口台小学校</t>
    <rPh sb="4" eb="6">
      <t>オオグチ</t>
    </rPh>
    <rPh sb="6" eb="7">
      <t>ダイ</t>
    </rPh>
    <phoneticPr fontId="20"/>
  </si>
  <si>
    <t>221-0003</t>
  </si>
  <si>
    <t>横浜市立神大寺小学校</t>
    <rPh sb="4" eb="7">
      <t>カンダイジ</t>
    </rPh>
    <phoneticPr fontId="20"/>
  </si>
  <si>
    <t>221-0801</t>
  </si>
  <si>
    <t>横浜市立西寺尾第二小学校</t>
    <rPh sb="4" eb="7">
      <t>ニシテラオ</t>
    </rPh>
    <rPh sb="7" eb="9">
      <t>ダイニ</t>
    </rPh>
    <phoneticPr fontId="20"/>
  </si>
  <si>
    <t>横浜市立中丸小学校</t>
    <rPh sb="4" eb="6">
      <t>ナカマル</t>
    </rPh>
    <phoneticPr fontId="20"/>
  </si>
  <si>
    <t>横浜市立羽沢小学校</t>
    <rPh sb="4" eb="6">
      <t>ハザワ</t>
    </rPh>
    <phoneticPr fontId="20"/>
  </si>
  <si>
    <t>221-0863</t>
  </si>
  <si>
    <t>横浜市立南神大寺小学校</t>
    <rPh sb="4" eb="5">
      <t>ミナミ</t>
    </rPh>
    <rPh sb="5" eb="8">
      <t>カンダイジ</t>
    </rPh>
    <phoneticPr fontId="20"/>
  </si>
  <si>
    <t>横浜市立戸部小学校</t>
    <rPh sb="4" eb="6">
      <t>トベ</t>
    </rPh>
    <phoneticPr fontId="20"/>
  </si>
  <si>
    <t>220-0045</t>
  </si>
  <si>
    <t>横浜市立東小学校</t>
    <rPh sb="4" eb="5">
      <t>アズマ</t>
    </rPh>
    <phoneticPr fontId="20"/>
  </si>
  <si>
    <t>220-0033</t>
  </si>
  <si>
    <t>横浜市立平沼小学校</t>
    <rPh sb="4" eb="6">
      <t>ヒラヌマ</t>
    </rPh>
    <phoneticPr fontId="20"/>
  </si>
  <si>
    <t>220-0023</t>
  </si>
  <si>
    <t>横浜市立宮谷小学校</t>
    <rPh sb="4" eb="6">
      <t>ミヤタニ</t>
    </rPh>
    <phoneticPr fontId="20"/>
  </si>
  <si>
    <t>220-0006</t>
  </si>
  <si>
    <t>横浜市立一本松小学校</t>
    <rPh sb="4" eb="7">
      <t>イッポンマツ</t>
    </rPh>
    <phoneticPr fontId="20"/>
  </si>
  <si>
    <t>220-0046</t>
  </si>
  <si>
    <t>横浜市立西前小学校</t>
    <rPh sb="4" eb="6">
      <t>ニシマエ</t>
    </rPh>
    <phoneticPr fontId="20"/>
  </si>
  <si>
    <t>220-0051</t>
  </si>
  <si>
    <t>横浜市立稲荷台小学校</t>
    <rPh sb="4" eb="7">
      <t>イナリダイ</t>
    </rPh>
    <phoneticPr fontId="20"/>
  </si>
  <si>
    <t>220-0053</t>
  </si>
  <si>
    <t>横浜市立浅間台小学校</t>
    <rPh sb="4" eb="7">
      <t>センゲンダイ</t>
    </rPh>
    <phoneticPr fontId="20"/>
  </si>
  <si>
    <t>220-0072</t>
  </si>
  <si>
    <t>横浜市立みなとみらい本町小学校</t>
    <rPh sb="0" eb="2">
      <t>ヨコハマ</t>
    </rPh>
    <rPh sb="2" eb="4">
      <t>シリツ</t>
    </rPh>
    <rPh sb="10" eb="12">
      <t>ホンチョウ</t>
    </rPh>
    <rPh sb="12" eb="15">
      <t>ショウガッコウ</t>
    </rPh>
    <phoneticPr fontId="20"/>
  </si>
  <si>
    <t>220-0011</t>
  </si>
  <si>
    <t>横浜市立北方小学校</t>
    <rPh sb="4" eb="6">
      <t>キタカタ</t>
    </rPh>
    <phoneticPr fontId="20"/>
  </si>
  <si>
    <t>231-0863</t>
  </si>
  <si>
    <t>横浜市立元街小学校</t>
  </si>
  <si>
    <t>231-0862</t>
  </si>
  <si>
    <t>横浜市立本町小学校</t>
    <rPh sb="4" eb="6">
      <t>ホンチョウ</t>
    </rPh>
    <phoneticPr fontId="20"/>
  </si>
  <si>
    <t>231-0063</t>
  </si>
  <si>
    <t>横浜市立立野小学校</t>
    <rPh sb="4" eb="6">
      <t>タテノ</t>
    </rPh>
    <phoneticPr fontId="20"/>
  </si>
  <si>
    <t>231-0845</t>
  </si>
  <si>
    <t>横浜市立大鳥小学校</t>
    <rPh sb="4" eb="6">
      <t>オオトリ</t>
    </rPh>
    <phoneticPr fontId="20"/>
  </si>
  <si>
    <t>231-0806</t>
  </si>
  <si>
    <t>横浜市立山元小学校</t>
    <rPh sb="4" eb="6">
      <t>ヤマモト</t>
    </rPh>
    <phoneticPr fontId="20"/>
  </si>
  <si>
    <t>231-0851</t>
  </si>
  <si>
    <t>横浜市立間門小学校</t>
    <rPh sb="4" eb="6">
      <t>マカド</t>
    </rPh>
    <phoneticPr fontId="20"/>
  </si>
  <si>
    <t>231-0825</t>
  </si>
  <si>
    <t>横浜市立本牧南小学校</t>
    <rPh sb="4" eb="6">
      <t>ホンモク</t>
    </rPh>
    <rPh sb="6" eb="7">
      <t>ミナミ</t>
    </rPh>
    <phoneticPr fontId="20"/>
  </si>
  <si>
    <t>231-0822</t>
  </si>
  <si>
    <t>横浜市立本牧小学校</t>
    <rPh sb="4" eb="6">
      <t>ホンモク</t>
    </rPh>
    <phoneticPr fontId="20"/>
  </si>
  <si>
    <t>231-0827</t>
  </si>
  <si>
    <t>横浜市立石川小学校</t>
    <rPh sb="4" eb="6">
      <t>イシカワ</t>
    </rPh>
    <phoneticPr fontId="20"/>
  </si>
  <si>
    <t>232-0033</t>
  </si>
  <si>
    <t>横浜市立大岡小学校</t>
    <rPh sb="4" eb="6">
      <t>オオオカ</t>
    </rPh>
    <phoneticPr fontId="20"/>
  </si>
  <si>
    <t>232-0054</t>
  </si>
  <si>
    <t>横浜市立太田小学校</t>
    <rPh sb="4" eb="6">
      <t>オオタ</t>
    </rPh>
    <phoneticPr fontId="20"/>
  </si>
  <si>
    <t>232-0002</t>
  </si>
  <si>
    <t>横浜市立南吉田小学校</t>
    <rPh sb="4" eb="5">
      <t>ミナミ</t>
    </rPh>
    <rPh sb="5" eb="7">
      <t>ヨシダ</t>
    </rPh>
    <phoneticPr fontId="20"/>
  </si>
  <si>
    <t>232-0022</t>
  </si>
  <si>
    <t>横浜市立日枝小学校</t>
    <rPh sb="4" eb="6">
      <t>ヒエ</t>
    </rPh>
    <phoneticPr fontId="20"/>
  </si>
  <si>
    <t>232-0013</t>
  </si>
  <si>
    <t>横浜市立南太田小学校</t>
    <rPh sb="4" eb="5">
      <t>ミナミ</t>
    </rPh>
    <rPh sb="5" eb="7">
      <t>オオタ</t>
    </rPh>
    <phoneticPr fontId="20"/>
  </si>
  <si>
    <t>232-0006</t>
  </si>
  <si>
    <t>232-0051</t>
  </si>
  <si>
    <t>横浜市立蒔田小学校</t>
    <rPh sb="4" eb="6">
      <t>マイタ</t>
    </rPh>
    <phoneticPr fontId="20"/>
  </si>
  <si>
    <t>232-0043</t>
  </si>
  <si>
    <t>横浜市立中村小学校</t>
    <rPh sb="4" eb="6">
      <t>ナカムラ</t>
    </rPh>
    <phoneticPr fontId="20"/>
  </si>
  <si>
    <t>横浜市立南小学校</t>
    <rPh sb="4" eb="5">
      <t>ミナミ</t>
    </rPh>
    <phoneticPr fontId="20"/>
  </si>
  <si>
    <t>232-0063</t>
  </si>
  <si>
    <t>横浜市立永田小学校</t>
    <rPh sb="4" eb="6">
      <t>ナガタ</t>
    </rPh>
    <phoneticPr fontId="20"/>
  </si>
  <si>
    <t>232-0071</t>
  </si>
  <si>
    <t>横浜市立六つ川小学校</t>
    <rPh sb="4" eb="5">
      <t>ムッ</t>
    </rPh>
    <phoneticPr fontId="20"/>
  </si>
  <si>
    <t>232-0066</t>
  </si>
  <si>
    <t>横浜市立藤の木小学校</t>
    <rPh sb="4" eb="5">
      <t>フジ</t>
    </rPh>
    <rPh sb="6" eb="7">
      <t>キ</t>
    </rPh>
    <phoneticPr fontId="20"/>
  </si>
  <si>
    <t>232-0061</t>
  </si>
  <si>
    <t>横浜市立永田台小学校</t>
    <rPh sb="4" eb="7">
      <t>ナガタダイ</t>
    </rPh>
    <phoneticPr fontId="20"/>
  </si>
  <si>
    <t>232-0075</t>
  </si>
  <si>
    <t>横浜市立六つ川台小学校</t>
    <rPh sb="4" eb="5">
      <t>ムッ</t>
    </rPh>
    <rPh sb="6" eb="7">
      <t>カワ</t>
    </rPh>
    <rPh sb="7" eb="8">
      <t>ダイ</t>
    </rPh>
    <phoneticPr fontId="20"/>
  </si>
  <si>
    <t>横浜市立別所小学校</t>
    <rPh sb="4" eb="6">
      <t>ベッショ</t>
    </rPh>
    <phoneticPr fontId="20"/>
  </si>
  <si>
    <t>232-0064</t>
  </si>
  <si>
    <t>横浜市立六つ川西小学校</t>
    <rPh sb="4" eb="5">
      <t>ムッ</t>
    </rPh>
    <rPh sb="6" eb="7">
      <t>カワ</t>
    </rPh>
    <rPh sb="7" eb="8">
      <t>ニシ</t>
    </rPh>
    <phoneticPr fontId="20"/>
  </si>
  <si>
    <t>横浜市立日野小学校</t>
    <rPh sb="4" eb="6">
      <t>ヒノ</t>
    </rPh>
    <phoneticPr fontId="20"/>
  </si>
  <si>
    <t>234-0051</t>
  </si>
  <si>
    <t>横浜市立永野小学校</t>
    <rPh sb="4" eb="6">
      <t>ナガノ</t>
    </rPh>
    <phoneticPr fontId="20"/>
  </si>
  <si>
    <t>233-0012</t>
  </si>
  <si>
    <t>横浜市立日下小学校</t>
    <rPh sb="4" eb="5">
      <t>ヒ</t>
    </rPh>
    <rPh sb="5" eb="6">
      <t>シタ</t>
    </rPh>
    <phoneticPr fontId="20"/>
  </si>
  <si>
    <t>234-0052</t>
  </si>
  <si>
    <t>横浜市立桜岡小学校</t>
    <rPh sb="4" eb="6">
      <t>サクラオカ</t>
    </rPh>
    <phoneticPr fontId="20"/>
  </si>
  <si>
    <t>233-0007</t>
  </si>
  <si>
    <t>横浜市立南台小学校</t>
    <rPh sb="4" eb="6">
      <t>ミナミダイ</t>
    </rPh>
    <phoneticPr fontId="20"/>
  </si>
  <si>
    <t>233-0003</t>
  </si>
  <si>
    <t>横浜市立芹が谷小学校</t>
    <rPh sb="4" eb="5">
      <t>セリ</t>
    </rPh>
    <rPh sb="6" eb="7">
      <t>ヤ</t>
    </rPh>
    <phoneticPr fontId="20"/>
  </si>
  <si>
    <t>233-0006</t>
  </si>
  <si>
    <t>横浜市立吉原小学校</t>
    <rPh sb="4" eb="6">
      <t>ヨシハラ</t>
    </rPh>
    <phoneticPr fontId="20"/>
  </si>
  <si>
    <t>横浜市立下永谷小学校</t>
    <rPh sb="4" eb="7">
      <t>シモナガヤ</t>
    </rPh>
    <phoneticPr fontId="20"/>
  </si>
  <si>
    <t>233-0011</t>
  </si>
  <si>
    <t>横浜市立上大岡小学校</t>
    <rPh sb="4" eb="7">
      <t>カミオオオカ</t>
    </rPh>
    <phoneticPr fontId="20"/>
  </si>
  <si>
    <t>233-0001</t>
  </si>
  <si>
    <t>横浜市立芹が谷南小学校</t>
    <rPh sb="4" eb="5">
      <t>セリ</t>
    </rPh>
    <rPh sb="6" eb="7">
      <t>ヤ</t>
    </rPh>
    <rPh sb="7" eb="8">
      <t>ミナミ</t>
    </rPh>
    <phoneticPr fontId="20"/>
  </si>
  <si>
    <t>横浜市立日限山小学校</t>
    <rPh sb="4" eb="7">
      <t>ヒギリヤマ</t>
    </rPh>
    <phoneticPr fontId="20"/>
  </si>
  <si>
    <t>233-0015</t>
  </si>
  <si>
    <t>横浜市立港南台第一小学校</t>
    <rPh sb="4" eb="7">
      <t>コウナンダイ</t>
    </rPh>
    <rPh sb="7" eb="9">
      <t>ダイイチ</t>
    </rPh>
    <phoneticPr fontId="20"/>
  </si>
  <si>
    <t>234-0054</t>
  </si>
  <si>
    <t>横浜市立日野南小学校</t>
    <rPh sb="4" eb="7">
      <t>ヒノミナミ</t>
    </rPh>
    <phoneticPr fontId="20"/>
  </si>
  <si>
    <t>234-0055</t>
  </si>
  <si>
    <t>横浜市立下野庭小学校</t>
    <rPh sb="4" eb="6">
      <t>シモノ</t>
    </rPh>
    <rPh sb="6" eb="7">
      <t>ニワ</t>
    </rPh>
    <phoneticPr fontId="20"/>
  </si>
  <si>
    <t>234-0056</t>
  </si>
  <si>
    <t>横浜市立相武山小学校</t>
    <rPh sb="4" eb="6">
      <t>アイタケ</t>
    </rPh>
    <rPh sb="6" eb="7">
      <t>ヤマ</t>
    </rPh>
    <phoneticPr fontId="20"/>
  </si>
  <si>
    <t>横浜市立永谷小学校</t>
    <rPh sb="4" eb="6">
      <t>ナガヤ</t>
    </rPh>
    <phoneticPr fontId="20"/>
  </si>
  <si>
    <t>233-0016</t>
  </si>
  <si>
    <t>横浜市立港南台第二小学校</t>
    <rPh sb="4" eb="7">
      <t>コウナンダイ</t>
    </rPh>
    <rPh sb="7" eb="9">
      <t>ダイニ</t>
    </rPh>
    <phoneticPr fontId="20"/>
  </si>
  <si>
    <t>横浜市立港南台第三小学校</t>
    <rPh sb="4" eb="7">
      <t>コウナンダイ</t>
    </rPh>
    <rPh sb="7" eb="8">
      <t>ダイ</t>
    </rPh>
    <rPh sb="8" eb="9">
      <t>サン</t>
    </rPh>
    <phoneticPr fontId="20"/>
  </si>
  <si>
    <t>横浜市立丸山台小学校</t>
    <rPh sb="4" eb="7">
      <t>マルヤマダイ</t>
    </rPh>
    <phoneticPr fontId="20"/>
  </si>
  <si>
    <t>233-0013</t>
  </si>
  <si>
    <t>横浜市立小坪小学校</t>
    <rPh sb="0" eb="4">
      <t>ヨコハマシリツ</t>
    </rPh>
    <rPh sb="4" eb="6">
      <t>コツボ</t>
    </rPh>
    <rPh sb="6" eb="7">
      <t>ショウ</t>
    </rPh>
    <rPh sb="7" eb="9">
      <t>ガッコウ</t>
    </rPh>
    <phoneticPr fontId="20"/>
  </si>
  <si>
    <t>横浜市立野庭すずかけ小学校</t>
  </si>
  <si>
    <t>横浜市立星川小学校</t>
  </si>
  <si>
    <t>240-0006</t>
  </si>
  <si>
    <t>横浜市立保土ケ谷小学校</t>
  </si>
  <si>
    <t>240-0005</t>
  </si>
  <si>
    <t>横浜市立川島小学校</t>
  </si>
  <si>
    <t>240-0045</t>
  </si>
  <si>
    <t>横浜市立今井小学校</t>
  </si>
  <si>
    <t>240-0035</t>
  </si>
  <si>
    <t>横浜市立帷子小学校</t>
  </si>
  <si>
    <t>240-0001</t>
  </si>
  <si>
    <t>横浜市立峯小学校</t>
  </si>
  <si>
    <t>240-0064</t>
  </si>
  <si>
    <t>横浜市立岩崎小学校</t>
  </si>
  <si>
    <t>240-0015</t>
  </si>
  <si>
    <t>横浜市立富士見台小学校</t>
  </si>
  <si>
    <t>240-0023</t>
  </si>
  <si>
    <t>横浜市立桜台小学校</t>
  </si>
  <si>
    <t>240-0011</t>
  </si>
  <si>
    <t>横浜市立常盤台小学校</t>
  </si>
  <si>
    <t>240-0066</t>
  </si>
  <si>
    <t>240-0051</t>
  </si>
  <si>
    <t>横浜市立初音が丘小学校</t>
  </si>
  <si>
    <t>240-0031</t>
  </si>
  <si>
    <t>横浜市立仏向小学校</t>
  </si>
  <si>
    <t>240-0044</t>
  </si>
  <si>
    <t>横浜市立上星川小学校</t>
  </si>
  <si>
    <t>240-0042</t>
  </si>
  <si>
    <t>240-0053</t>
  </si>
  <si>
    <t>横浜市立坂本小学校</t>
  </si>
  <si>
    <t>240-0043</t>
  </si>
  <si>
    <t>横浜市立藤塚小学校</t>
  </si>
  <si>
    <t>240-0036</t>
  </si>
  <si>
    <t>横浜市立瀬戸ケ谷小学校</t>
  </si>
  <si>
    <t>240-0024</t>
  </si>
  <si>
    <t>横浜市立権太坂小学校</t>
  </si>
  <si>
    <t>240-0026</t>
  </si>
  <si>
    <t>横浜市立二俣川小学校</t>
  </si>
  <si>
    <t>241-0821</t>
  </si>
  <si>
    <t>横浜市立市沢小学校</t>
  </si>
  <si>
    <t>241-0014</t>
  </si>
  <si>
    <t>横浜市立白根小学校</t>
  </si>
  <si>
    <t>241-0004</t>
  </si>
  <si>
    <t>横浜市立都岡小学校</t>
  </si>
  <si>
    <t>241-0805</t>
  </si>
  <si>
    <t>横浜市立希望ケ丘小学校</t>
  </si>
  <si>
    <t>241-0825</t>
  </si>
  <si>
    <t>横浜市立鶴ケ峯小学校</t>
  </si>
  <si>
    <t>241-0022</t>
  </si>
  <si>
    <t>横浜市立本宿小学校</t>
  </si>
  <si>
    <t>241-0023</t>
  </si>
  <si>
    <t>横浜市立万騎が原小学校</t>
  </si>
  <si>
    <t>241-0834</t>
  </si>
  <si>
    <t>横浜市立今宿小学校</t>
  </si>
  <si>
    <t>241-0032</t>
  </si>
  <si>
    <t>横浜市立東希望が丘小学校</t>
  </si>
  <si>
    <t>241-0826</t>
  </si>
  <si>
    <t>横浜市立上川井小学校</t>
  </si>
  <si>
    <t>241-0802</t>
  </si>
  <si>
    <t>横浜市立さちが丘小学校</t>
  </si>
  <si>
    <t>241-0822</t>
  </si>
  <si>
    <t>横浜市立笹野台小学校</t>
  </si>
  <si>
    <t>241-0816</t>
  </si>
  <si>
    <t>横浜市立中沢小学校</t>
  </si>
  <si>
    <t>241-0814</t>
  </si>
  <si>
    <t>横浜市立四季の森小学校</t>
    <rPh sb="4" eb="6">
      <t>シキ</t>
    </rPh>
    <rPh sb="7" eb="8">
      <t>モリ</t>
    </rPh>
    <phoneticPr fontId="20"/>
  </si>
  <si>
    <t>241-0001</t>
  </si>
  <si>
    <t>横浜市立川井小学校</t>
  </si>
  <si>
    <t>241-0804</t>
  </si>
  <si>
    <t>横浜市立不動丸小学校</t>
  </si>
  <si>
    <t>241-0005</t>
  </si>
  <si>
    <t>横浜市立上白根小学校</t>
  </si>
  <si>
    <t>241-0002</t>
  </si>
  <si>
    <t>横浜市立南本宿小学校</t>
  </si>
  <si>
    <t>241-0833</t>
  </si>
  <si>
    <t>横浜市立中尾小学校</t>
  </si>
  <si>
    <t>241-0815</t>
  </si>
  <si>
    <t>横浜市立善部小学校</t>
  </si>
  <si>
    <t>241-0823</t>
  </si>
  <si>
    <t>横浜市立今宿南小学校</t>
  </si>
  <si>
    <t>241-0034</t>
  </si>
  <si>
    <t>横浜市立若葉台小学校</t>
  </si>
  <si>
    <t>241-0801</t>
  </si>
  <si>
    <t>横浜市立左近山小学校</t>
  </si>
  <si>
    <t>横浜市立磯子小学校</t>
  </si>
  <si>
    <t>235-0015</t>
  </si>
  <si>
    <t>横浜市立杉田小学校</t>
  </si>
  <si>
    <t>235-0033</t>
  </si>
  <si>
    <t>横浜市立根岸小学校</t>
  </si>
  <si>
    <t>235-0007</t>
  </si>
  <si>
    <t>横浜市立滝頭小学校</t>
  </si>
  <si>
    <t>235-0011</t>
  </si>
  <si>
    <t>横浜市立浜小学校</t>
  </si>
  <si>
    <t>235-0019</t>
  </si>
  <si>
    <t>横浜市立屏風浦小学校</t>
  </si>
  <si>
    <t>235-0023</t>
  </si>
  <si>
    <t>横浜市立梅林小学校</t>
  </si>
  <si>
    <t>横浜市立岡村小学校</t>
  </si>
  <si>
    <t>235-0021</t>
  </si>
  <si>
    <t>横浜市立汐見台小学校</t>
  </si>
  <si>
    <t>235-0022</t>
  </si>
  <si>
    <t>横浜市立洋光台第一小学校</t>
  </si>
  <si>
    <t>235-0045</t>
  </si>
  <si>
    <t>横浜市立洋光台第二小学校</t>
  </si>
  <si>
    <t>横浜市立さわの里小学校</t>
  </si>
  <si>
    <t>235-0042</t>
  </si>
  <si>
    <t>横浜市立洋光台第三小学校</t>
  </si>
  <si>
    <t>横浜市立洋光台第四小学校</t>
  </si>
  <si>
    <t>横浜市立森東小学校</t>
  </si>
  <si>
    <t>横浜市立山王台小学校</t>
  </si>
  <si>
    <t>235-0016</t>
  </si>
  <si>
    <t>横浜市立金沢小学校</t>
  </si>
  <si>
    <t>236-0022</t>
  </si>
  <si>
    <t>横浜市立六浦小学校</t>
  </si>
  <si>
    <t>236-0031</t>
  </si>
  <si>
    <t>横浜市立釜利谷小学校</t>
  </si>
  <si>
    <t>236-0042</t>
  </si>
  <si>
    <t>横浜市立富岡小学校</t>
  </si>
  <si>
    <t>236-0052</t>
  </si>
  <si>
    <t>横浜市立大道小学校</t>
  </si>
  <si>
    <t>236-0035</t>
  </si>
  <si>
    <t>横浜市立八景小学校</t>
  </si>
  <si>
    <t>236-0021</t>
  </si>
  <si>
    <t>横浜市立文庫小学校</t>
  </si>
  <si>
    <t>236-0014</t>
  </si>
  <si>
    <t>236-0037</t>
  </si>
  <si>
    <t>横浜市立西柴小学校</t>
  </si>
  <si>
    <t>236-0017</t>
  </si>
  <si>
    <t>横浜市立西富岡小学校</t>
  </si>
  <si>
    <t>横浜市立朝比奈小学校</t>
  </si>
  <si>
    <t>236-0033</t>
  </si>
  <si>
    <t>横浜市立高舟台小学校</t>
  </si>
  <si>
    <t>236-0044</t>
  </si>
  <si>
    <t>横浜市立並木第一小学校</t>
  </si>
  <si>
    <t>236-0005</t>
  </si>
  <si>
    <t>横浜市立釜利谷東小学校</t>
  </si>
  <si>
    <t>横浜市立並木中央小学校</t>
  </si>
  <si>
    <t>横浜市立並木第四小学校</t>
  </si>
  <si>
    <t>横浜市立能見台小学校</t>
  </si>
  <si>
    <t>236-0057</t>
  </si>
  <si>
    <t>横浜市立釜利谷南小学校</t>
  </si>
  <si>
    <t>236-0045</t>
  </si>
  <si>
    <t>横浜市立小田小学校</t>
  </si>
  <si>
    <t>横浜市立六浦南小学校</t>
  </si>
  <si>
    <t>236-0038</t>
  </si>
  <si>
    <t>横浜市立能見台南小学校</t>
  </si>
  <si>
    <t>横浜市立日吉台小学校</t>
  </si>
  <si>
    <t>223-0062</t>
  </si>
  <si>
    <t>横浜市立高田小学校</t>
  </si>
  <si>
    <t>223-0063</t>
  </si>
  <si>
    <t>横浜市立新田小学校</t>
  </si>
  <si>
    <t>223-0056</t>
  </si>
  <si>
    <t>横浜市立大綱小学校</t>
  </si>
  <si>
    <t>222-0037</t>
  </si>
  <si>
    <t>横浜市立城郷小学校</t>
  </si>
  <si>
    <t>222-0035</t>
  </si>
  <si>
    <t>横浜市立港北小学校</t>
  </si>
  <si>
    <t>222-0011</t>
  </si>
  <si>
    <t>横浜市立綱島小学校</t>
  </si>
  <si>
    <t>223-0053</t>
  </si>
  <si>
    <t>横浜市立菊名小学校</t>
  </si>
  <si>
    <t>横浜市立篠原小学校</t>
  </si>
  <si>
    <t>222-0022</t>
  </si>
  <si>
    <t>横浜市立下田小学校</t>
  </si>
  <si>
    <t>223-0064</t>
  </si>
  <si>
    <t>横浜市立大曽根小学校</t>
  </si>
  <si>
    <t>222-0003</t>
  </si>
  <si>
    <t>横浜市立日吉南小学校</t>
  </si>
  <si>
    <t>横浜市立篠原西小学校</t>
  </si>
  <si>
    <t>222-0026</t>
  </si>
  <si>
    <t>横浜市立新吉田小学校</t>
  </si>
  <si>
    <t>223-0058</t>
  </si>
  <si>
    <t>横浜市立綱島東小学校</t>
  </si>
  <si>
    <t>223-0052</t>
  </si>
  <si>
    <t>横浜市立師岡小学校</t>
  </si>
  <si>
    <t>222-0002</t>
  </si>
  <si>
    <t>横浜市立矢上小学校</t>
  </si>
  <si>
    <t>223-0061</t>
  </si>
  <si>
    <t>横浜市立駒林小学校</t>
  </si>
  <si>
    <t>横浜市立高田東小学校</t>
  </si>
  <si>
    <t>223-0065</t>
  </si>
  <si>
    <t>横浜市立太尾小学校</t>
  </si>
  <si>
    <t>横浜市立新羽小学校</t>
  </si>
  <si>
    <t>223-0057</t>
  </si>
  <si>
    <t>横浜市立北綱島小学校</t>
  </si>
  <si>
    <t>横浜市立新吉田第二小学校</t>
  </si>
  <si>
    <t>横浜市立大豆戸小学校</t>
  </si>
  <si>
    <t>222-0032</t>
  </si>
  <si>
    <t>横浜市立小机小学校</t>
  </si>
  <si>
    <t>222-0036</t>
  </si>
  <si>
    <t>横浜市立山下小学校</t>
  </si>
  <si>
    <t>226-0021</t>
  </si>
  <si>
    <t>横浜市立長津田小学校</t>
  </si>
  <si>
    <t>226-0026</t>
  </si>
  <si>
    <t>横浜市立鴨居小学校</t>
  </si>
  <si>
    <t>226-0003</t>
  </si>
  <si>
    <t>横浜市立新治小学校</t>
  </si>
  <si>
    <t>226-0017</t>
  </si>
  <si>
    <t>横浜市立森の台小学校</t>
  </si>
  <si>
    <t>226-0029</t>
  </si>
  <si>
    <t>横浜市立十日市場小学校</t>
  </si>
  <si>
    <t>226-0025</t>
  </si>
  <si>
    <t>横浜市立三保小学校</t>
  </si>
  <si>
    <t>226-0015</t>
  </si>
  <si>
    <t>横浜市立竹山小学校</t>
  </si>
  <si>
    <t>226-0005</t>
  </si>
  <si>
    <t>横浜市立長津田第二小学校</t>
  </si>
  <si>
    <t>横浜市立東本郷小学校</t>
  </si>
  <si>
    <t>226-0002</t>
  </si>
  <si>
    <t>横浜市立上山小学校</t>
  </si>
  <si>
    <t>226-0012</t>
  </si>
  <si>
    <t>横浜市立緑小学校</t>
  </si>
  <si>
    <t>横浜市立いぶき野小学校</t>
  </si>
  <si>
    <t>226-0028</t>
  </si>
  <si>
    <t>横浜市立中山小学校</t>
  </si>
  <si>
    <t>横浜市立山下みどり台小学校</t>
  </si>
  <si>
    <t>横浜市立鉄小学校</t>
  </si>
  <si>
    <t>225-0025</t>
  </si>
  <si>
    <t>横浜市立谷本小学校</t>
  </si>
  <si>
    <t>227-0043</t>
  </si>
  <si>
    <t>横浜市立田奈小学校</t>
  </si>
  <si>
    <t>227-0064</t>
  </si>
  <si>
    <t>横浜市立山内小学校</t>
  </si>
  <si>
    <t>225-0003</t>
  </si>
  <si>
    <t>横浜市立奈良小学校</t>
  </si>
  <si>
    <t>227-0036</t>
  </si>
  <si>
    <t>横浜市立つつじが丘小学校</t>
  </si>
  <si>
    <t>227-0055</t>
  </si>
  <si>
    <t>横浜市立美しが丘小学校</t>
  </si>
  <si>
    <t>225-0002</t>
  </si>
  <si>
    <t>横浜市立青葉台小学校</t>
  </si>
  <si>
    <t>227-0061</t>
  </si>
  <si>
    <t>横浜市立榎が丘小学校</t>
  </si>
  <si>
    <t>227-0063</t>
  </si>
  <si>
    <t>225-0021</t>
  </si>
  <si>
    <t>横浜市立もえぎ野小学校</t>
  </si>
  <si>
    <t>227-0044</t>
  </si>
  <si>
    <t>横浜市立元石川小学校</t>
  </si>
  <si>
    <t>横浜市立みたけ台小学校</t>
  </si>
  <si>
    <t>227-0047</t>
  </si>
  <si>
    <t>横浜市立藤が丘小学校</t>
  </si>
  <si>
    <t>横浜市立美しが丘東小学校</t>
  </si>
  <si>
    <t>横浜市立市ケ尾小学校</t>
  </si>
  <si>
    <t>225-0024</t>
  </si>
  <si>
    <t>横浜市立あざみ野第一小学校</t>
  </si>
  <si>
    <t>225-0011</t>
  </si>
  <si>
    <t>横浜市立あざみ野第二小学校</t>
  </si>
  <si>
    <t>横浜市立嶮山小学校</t>
  </si>
  <si>
    <t>横浜市立鴨志田第一小学校</t>
  </si>
  <si>
    <t>227-0033</t>
  </si>
  <si>
    <t>横浜市立東市ケ尾小学校</t>
  </si>
  <si>
    <t>横浜市立鴨志田緑小学校</t>
  </si>
  <si>
    <t>横浜市立荏子田小学校</t>
  </si>
  <si>
    <t>225-0005</t>
  </si>
  <si>
    <t>横浜市立恩田小学校</t>
  </si>
  <si>
    <t>227-0034</t>
  </si>
  <si>
    <t>横浜市立新石川小学校</t>
  </si>
  <si>
    <t>横浜市立さつきが丘小学校</t>
  </si>
  <si>
    <t>227-0053</t>
  </si>
  <si>
    <t>横浜市立荏田西小学校</t>
  </si>
  <si>
    <t>225-0014</t>
  </si>
  <si>
    <t>横浜市立桂小学校</t>
  </si>
  <si>
    <t>横浜市立奈良の丘小学校</t>
  </si>
  <si>
    <t>227-0038</t>
  </si>
  <si>
    <t>横浜市立黒須田小学校</t>
  </si>
  <si>
    <t>225-0022</t>
  </si>
  <si>
    <t>横浜市立美しが丘西小学校</t>
  </si>
  <si>
    <t>225-0001</t>
  </si>
  <si>
    <t>横浜市立中川小学校</t>
  </si>
  <si>
    <t>224-0014</t>
  </si>
  <si>
    <t>横浜市立都田小学校</t>
  </si>
  <si>
    <t>224-0053</t>
  </si>
  <si>
    <t>横浜市立川和小学校</t>
  </si>
  <si>
    <t>224-0057</t>
  </si>
  <si>
    <t>横浜市立折本小学校</t>
  </si>
  <si>
    <t>224-0043</t>
  </si>
  <si>
    <t>横浜市立勝田小学校</t>
  </si>
  <si>
    <t>224-0034</t>
  </si>
  <si>
    <t>横浜市立山田小学校</t>
  </si>
  <si>
    <t>224-0023</t>
  </si>
  <si>
    <t>横浜市立荏田小学校</t>
  </si>
  <si>
    <t>224-0008</t>
  </si>
  <si>
    <t>横浜市立すみれが丘小学校</t>
  </si>
  <si>
    <t>224-0013</t>
  </si>
  <si>
    <t>横浜市立都田西小学校</t>
  </si>
  <si>
    <t>横浜市立荏田東第一小学校</t>
  </si>
  <si>
    <t>224-0006</t>
  </si>
  <si>
    <t>横浜市立荏田南小学校</t>
  </si>
  <si>
    <t>224-0007</t>
  </si>
  <si>
    <t>横浜市立茅ケ崎小学校</t>
  </si>
  <si>
    <t>224-0037</t>
  </si>
  <si>
    <t>横浜市立中川西小学校</t>
  </si>
  <si>
    <t>224-0001</t>
  </si>
  <si>
    <t>横浜市立川和東小学校</t>
  </si>
  <si>
    <t>224-0051</t>
  </si>
  <si>
    <t>横浜市立茅ケ崎台小学校</t>
  </si>
  <si>
    <t>224-0063</t>
  </si>
  <si>
    <t>横浜市立北山田小学校</t>
  </si>
  <si>
    <t>224-0021</t>
  </si>
  <si>
    <t>横浜市立都筑小学校</t>
  </si>
  <si>
    <t>横浜市立南山田小学校</t>
  </si>
  <si>
    <t>224-0029</t>
  </si>
  <si>
    <t>横浜市立つづきの丘小学校</t>
  </si>
  <si>
    <t>横浜市立東山田小学校</t>
  </si>
  <si>
    <t>横浜市立茅ケ崎東小学校</t>
  </si>
  <si>
    <t>224-0033</t>
  </si>
  <si>
    <t>横浜市立牛久保小学校</t>
  </si>
  <si>
    <t>224-0012</t>
  </si>
  <si>
    <t>横浜市立戸塚小学校</t>
  </si>
  <si>
    <t>244-0003</t>
  </si>
  <si>
    <t>横浜市立川上小学校</t>
  </si>
  <si>
    <t>245-0052</t>
  </si>
  <si>
    <t>横浜市立大正小学校</t>
  </si>
  <si>
    <t>245-0063</t>
  </si>
  <si>
    <t>横浜市立東戸塚小学校</t>
  </si>
  <si>
    <t>244-0817</t>
  </si>
  <si>
    <t>横浜市立汲沢小学校</t>
  </si>
  <si>
    <t>245-0061</t>
  </si>
  <si>
    <t>横浜市立境木小学校</t>
  </si>
  <si>
    <t>244-0802</t>
  </si>
  <si>
    <t>横浜市立川上北小学校</t>
  </si>
  <si>
    <t>244-0805</t>
  </si>
  <si>
    <t>横浜市立柏尾小学校</t>
  </si>
  <si>
    <t>244-0812</t>
  </si>
  <si>
    <t>横浜市立小雀小学校</t>
  </si>
  <si>
    <t>244-0004</t>
  </si>
  <si>
    <t>横浜市立矢部小学校</t>
  </si>
  <si>
    <t>244-0002</t>
  </si>
  <si>
    <t>横浜市立南戸塚小学校</t>
  </si>
  <si>
    <t>横浜市立平戸小学校</t>
  </si>
  <si>
    <t>244-0803</t>
  </si>
  <si>
    <t>横浜市立深谷小学校</t>
  </si>
  <si>
    <t>245-0067</t>
  </si>
  <si>
    <t>横浜市立横浜深谷台小学校</t>
    <rPh sb="4" eb="6">
      <t>ヨコハマ</t>
    </rPh>
    <phoneticPr fontId="20"/>
  </si>
  <si>
    <t>横浜市立東汲沢小学校</t>
  </si>
  <si>
    <t>横浜市立名瀬小学校</t>
  </si>
  <si>
    <t>245-0051</t>
  </si>
  <si>
    <t>横浜市立平戸台小学校</t>
  </si>
  <si>
    <t>横浜市立鳥が丘小学校</t>
  </si>
  <si>
    <t>244-0001</t>
  </si>
  <si>
    <t>横浜市立南舞岡小学校</t>
  </si>
  <si>
    <t>244-0814</t>
  </si>
  <si>
    <t>横浜市立上矢部小学校</t>
  </si>
  <si>
    <t>245-0053</t>
  </si>
  <si>
    <t>横浜市立品濃小学校</t>
  </si>
  <si>
    <t>244-0801</t>
  </si>
  <si>
    <t>横浜市立秋葉小学校</t>
  </si>
  <si>
    <t>横浜市立東俣野小学校</t>
  </si>
  <si>
    <t>245-0065</t>
  </si>
  <si>
    <t>横浜市立舞岡小学校</t>
  </si>
  <si>
    <t>244-0813</t>
  </si>
  <si>
    <t>横浜市立倉田小学校</t>
  </si>
  <si>
    <t>244-0816</t>
  </si>
  <si>
    <t>横浜市立東品濃小学校</t>
  </si>
  <si>
    <t>横浜市立下郷小学校</t>
  </si>
  <si>
    <t>横浜市立豊田小学校</t>
  </si>
  <si>
    <t>244-0841</t>
  </si>
  <si>
    <t>横浜市立本郷小学校</t>
  </si>
  <si>
    <t>247-0015</t>
  </si>
  <si>
    <t>横浜市立西本郷小学校</t>
  </si>
  <si>
    <t>247-0007</t>
  </si>
  <si>
    <t>横浜市立千秀小学校</t>
  </si>
  <si>
    <t>244-0844</t>
  </si>
  <si>
    <t>横浜市立飯島小学校</t>
  </si>
  <si>
    <t>244-0842</t>
  </si>
  <si>
    <t>横浜市立桂台小学校</t>
  </si>
  <si>
    <t>247-0033</t>
  </si>
  <si>
    <t>横浜市立本郷台小学校</t>
  </si>
  <si>
    <t>247-0008</t>
  </si>
  <si>
    <t>横浜市立上郷小学校</t>
  </si>
  <si>
    <t>247-0026</t>
  </si>
  <si>
    <t>横浜市立公田小学校</t>
  </si>
  <si>
    <t>247-0014</t>
  </si>
  <si>
    <t>横浜市立庄戸小学校</t>
  </si>
  <si>
    <t>247-0022</t>
  </si>
  <si>
    <t>横浜市立小山台小学校</t>
  </si>
  <si>
    <t>247-0002</t>
  </si>
  <si>
    <t>横浜市立笠間小学校</t>
  </si>
  <si>
    <t>247-0006</t>
  </si>
  <si>
    <t>横浜市立桜井小学校</t>
  </si>
  <si>
    <t>247-0013</t>
  </si>
  <si>
    <t>横浜市立中和田小学校</t>
  </si>
  <si>
    <t>245-0016</t>
  </si>
  <si>
    <t>横浜市立岡津小学校</t>
  </si>
  <si>
    <t>245-0003</t>
  </si>
  <si>
    <t>横浜市立中田小学校</t>
  </si>
  <si>
    <t>245-0014</t>
  </si>
  <si>
    <t>横浜市立中和田南小学校</t>
  </si>
  <si>
    <t>横浜市立上飯田小学校</t>
  </si>
  <si>
    <t>245-0018</t>
  </si>
  <si>
    <t>横浜市立東中田小学校</t>
  </si>
  <si>
    <t>245-0013</t>
  </si>
  <si>
    <t>横浜市立新橋小学校</t>
  </si>
  <si>
    <t>245-0009</t>
  </si>
  <si>
    <t>横浜市立和泉小学校</t>
  </si>
  <si>
    <t>245-0024</t>
  </si>
  <si>
    <t>横浜市立下和泉小学校</t>
  </si>
  <si>
    <t>横浜市立葛野小学校</t>
  </si>
  <si>
    <t>横浜市立いずみ野小学校</t>
  </si>
  <si>
    <t>横浜市立伊勢山小学校</t>
  </si>
  <si>
    <t>横浜市立西が岡小学校</t>
  </si>
  <si>
    <t>245-0006</t>
  </si>
  <si>
    <t>横浜市立飯田北いちょう小学校</t>
    <rPh sb="0" eb="2">
      <t>ヨコハマ</t>
    </rPh>
    <rPh sb="2" eb="4">
      <t>シリツ</t>
    </rPh>
    <rPh sb="4" eb="6">
      <t>イイダ</t>
    </rPh>
    <rPh sb="6" eb="7">
      <t>キタ</t>
    </rPh>
    <rPh sb="11" eb="14">
      <t>ショウガッコウ</t>
    </rPh>
    <phoneticPr fontId="20"/>
  </si>
  <si>
    <t>横浜市立瀬谷小学校</t>
  </si>
  <si>
    <t>246-0013</t>
  </si>
  <si>
    <t>横浜市立原小学校</t>
  </si>
  <si>
    <t>246-0023</t>
  </si>
  <si>
    <t>横浜市立上瀬谷小学校</t>
  </si>
  <si>
    <t>246-0003</t>
  </si>
  <si>
    <t>246-0022</t>
  </si>
  <si>
    <t>横浜市立南瀬谷小学校</t>
  </si>
  <si>
    <t>246-0034</t>
  </si>
  <si>
    <t>横浜市立二つ橋小学校</t>
  </si>
  <si>
    <t>246-0021</t>
  </si>
  <si>
    <t>横浜市立瀬谷第二小学校</t>
  </si>
  <si>
    <t>246-0037</t>
  </si>
  <si>
    <t>横浜市立相沢小学校</t>
  </si>
  <si>
    <t>横浜市立大門小学校</t>
  </si>
  <si>
    <t>246-0015</t>
  </si>
  <si>
    <t>横浜市立瀬谷さくら小学校</t>
  </si>
  <si>
    <t>246-0035</t>
  </si>
  <si>
    <t>横浜市立阿久和小学校</t>
  </si>
  <si>
    <t>246-0026</t>
  </si>
  <si>
    <t>川崎市立殿町小学校</t>
  </si>
  <si>
    <t>210-0821</t>
  </si>
  <si>
    <t>川崎市立四谷小学校</t>
  </si>
  <si>
    <t>210-0827</t>
  </si>
  <si>
    <t>川崎市立東門前小学校</t>
  </si>
  <si>
    <t>210-0812</t>
  </si>
  <si>
    <t>川崎市立大師小学校</t>
  </si>
  <si>
    <t>川崎市立川中島小学校</t>
  </si>
  <si>
    <t>210-0803</t>
  </si>
  <si>
    <t>川崎市立藤崎小学校</t>
  </si>
  <si>
    <t>210-0804</t>
  </si>
  <si>
    <t>川崎市立さくら小学校</t>
    <rPh sb="0" eb="4">
      <t>カワサキシリツ</t>
    </rPh>
    <rPh sb="7" eb="10">
      <t>ショウガッコウ</t>
    </rPh>
    <phoneticPr fontId="20"/>
  </si>
  <si>
    <t>川崎市立大島小学校</t>
  </si>
  <si>
    <t>210-0851</t>
  </si>
  <si>
    <t>川崎市立渡田小学校</t>
  </si>
  <si>
    <t>210-0853</t>
  </si>
  <si>
    <t>川崎市立東小田小学校</t>
  </si>
  <si>
    <t>210-0846</t>
  </si>
  <si>
    <t>川崎市立小田小学校</t>
  </si>
  <si>
    <t>川崎市立浅田小学校</t>
  </si>
  <si>
    <t>210-0847</t>
  </si>
  <si>
    <t>川崎市立東大島小学校</t>
  </si>
  <si>
    <t>210-0834</t>
  </si>
  <si>
    <t>川崎市立向小学校</t>
  </si>
  <si>
    <t>川崎市立田島小学校</t>
  </si>
  <si>
    <t>210-0837</t>
  </si>
  <si>
    <t>川崎市立新町小学校</t>
  </si>
  <si>
    <t>210-0844</t>
  </si>
  <si>
    <t>川崎市立旭町小学校</t>
  </si>
  <si>
    <t>210-0808</t>
  </si>
  <si>
    <t>川崎市立宮前小学校</t>
  </si>
  <si>
    <t>210-0012</t>
  </si>
  <si>
    <t>川崎市立川崎小学校</t>
  </si>
  <si>
    <t>210-0024</t>
  </si>
  <si>
    <t>川崎市立京町小学校</t>
  </si>
  <si>
    <t>210-0848</t>
  </si>
  <si>
    <t>川崎市立幸町小学校</t>
  </si>
  <si>
    <t>212-0012</t>
  </si>
  <si>
    <t>川崎市立南河原小学校</t>
  </si>
  <si>
    <t>212-0021</t>
  </si>
  <si>
    <t>川崎市立御幸小学校</t>
  </si>
  <si>
    <t>212-0006</t>
  </si>
  <si>
    <t>川崎市立西御幸小学校</t>
  </si>
  <si>
    <t>212-0004</t>
  </si>
  <si>
    <t>川崎市立戸手小学校</t>
  </si>
  <si>
    <t>212-0023</t>
  </si>
  <si>
    <t>川崎市立古川小学校</t>
  </si>
  <si>
    <t>212-0025</t>
  </si>
  <si>
    <t>川崎市立東小倉小学校</t>
  </si>
  <si>
    <t>川崎市立下平間小学校</t>
  </si>
  <si>
    <t>212-0053</t>
  </si>
  <si>
    <t>川崎市立古市場小学校</t>
  </si>
  <si>
    <t>212-0052</t>
  </si>
  <si>
    <t>川崎市立日吉小学校</t>
  </si>
  <si>
    <t>212-0057</t>
  </si>
  <si>
    <t>川崎市立小倉小学校</t>
  </si>
  <si>
    <t>212-0054</t>
  </si>
  <si>
    <t>川崎市立南加瀬小学校</t>
  </si>
  <si>
    <t>212-0055</t>
  </si>
  <si>
    <t>川崎市立下河原小学校</t>
  </si>
  <si>
    <t>211-0013</t>
  </si>
  <si>
    <t>川崎市立平間小学校</t>
  </si>
  <si>
    <t>川崎市立玉川小学校</t>
  </si>
  <si>
    <t>211-0015</t>
  </si>
  <si>
    <t>川崎市立下沼部小学校</t>
  </si>
  <si>
    <t>211-0011</t>
  </si>
  <si>
    <t>川崎市立苅宿小学校</t>
  </si>
  <si>
    <t>211-0022</t>
  </si>
  <si>
    <t>川崎市立木月小学校</t>
  </si>
  <si>
    <t>211-0025</t>
  </si>
  <si>
    <t>川崎市立東住吉小学校</t>
  </si>
  <si>
    <t>川崎市立住吉小学校</t>
  </si>
  <si>
    <t>211-0033</t>
  </si>
  <si>
    <t>川崎市立井田小学校</t>
  </si>
  <si>
    <t>211-0034</t>
  </si>
  <si>
    <t>川崎市立今井小学校</t>
  </si>
  <si>
    <t>211-0066</t>
  </si>
  <si>
    <t>川崎市立上丸子小学校</t>
  </si>
  <si>
    <t>211-0001</t>
  </si>
  <si>
    <t>川崎市立西丸子小学校</t>
  </si>
  <si>
    <t>211-0062</t>
  </si>
  <si>
    <t>川崎市立中原小学校</t>
  </si>
  <si>
    <t>211-0068</t>
  </si>
  <si>
    <t>川崎市立宮内小学校</t>
  </si>
  <si>
    <t>211-0051</t>
  </si>
  <si>
    <t>川崎市立大戸小学校</t>
  </si>
  <si>
    <t>211-0041</t>
  </si>
  <si>
    <t>川崎市立下小田中小学校</t>
  </si>
  <si>
    <t>川崎市立新城小学校</t>
  </si>
  <si>
    <t>211-0042</t>
  </si>
  <si>
    <t>川崎市立大谷戸小学校</t>
  </si>
  <si>
    <t>211-0053</t>
  </si>
  <si>
    <t>川崎市立子母口小学校</t>
  </si>
  <si>
    <t>213-0023</t>
  </si>
  <si>
    <t>川崎市立橘小学校</t>
  </si>
  <si>
    <t>213-0022</t>
  </si>
  <si>
    <t>川崎市立末長小学校</t>
  </si>
  <si>
    <t>213-0013</t>
  </si>
  <si>
    <t>川崎市立新作小学校</t>
  </si>
  <si>
    <t>213-0014</t>
  </si>
  <si>
    <t>川崎市立東高津小学校</t>
  </si>
  <si>
    <t>213-0005</t>
  </si>
  <si>
    <t>川崎市立坂戸小学校</t>
  </si>
  <si>
    <t>213-0012</t>
  </si>
  <si>
    <t>川崎市立久本小学校</t>
  </si>
  <si>
    <t>213-0011</t>
  </si>
  <si>
    <t>川崎市立下作延小学校</t>
  </si>
  <si>
    <t>213-0033</t>
  </si>
  <si>
    <t>川崎市立高津小学校</t>
  </si>
  <si>
    <t>213-0001</t>
  </si>
  <si>
    <t>213-0015</t>
  </si>
  <si>
    <t>川崎市立久末小学校</t>
  </si>
  <si>
    <t>213-0026</t>
  </si>
  <si>
    <t>川崎市立上作延小学校</t>
  </si>
  <si>
    <t>213-0034</t>
  </si>
  <si>
    <t>川崎市立南原小学校</t>
  </si>
  <si>
    <t>川崎市立久地小学校</t>
  </si>
  <si>
    <t>213-0032</t>
  </si>
  <si>
    <t>川崎市立野川小学校</t>
  </si>
  <si>
    <t>川崎市立西野川小学校</t>
  </si>
  <si>
    <t>川崎市立南野川小学校</t>
  </si>
  <si>
    <t>川崎市立宮崎小学校</t>
  </si>
  <si>
    <t>216-0035</t>
  </si>
  <si>
    <t>川崎市立鷺沼小学校</t>
  </si>
  <si>
    <t>216-0004</t>
  </si>
  <si>
    <t>川崎市立有馬小学校</t>
  </si>
  <si>
    <t>216-0002</t>
  </si>
  <si>
    <t>川崎市立西有馬小学校</t>
  </si>
  <si>
    <t>216-0003</t>
  </si>
  <si>
    <t>川崎市立富士見台小学校</t>
  </si>
  <si>
    <t>216-0006</t>
  </si>
  <si>
    <t>川崎市立宮前平小学校</t>
  </si>
  <si>
    <t>川崎市立宮崎台小学校</t>
  </si>
  <si>
    <t>216-0033</t>
  </si>
  <si>
    <t>川崎市立向丘小学校</t>
  </si>
  <si>
    <t>216-0022</t>
  </si>
  <si>
    <t>川崎市立平小学校</t>
  </si>
  <si>
    <t>川崎市立白幡台小学校</t>
  </si>
  <si>
    <t>216-0024</t>
  </si>
  <si>
    <t>川崎市立菅生小学校</t>
  </si>
  <si>
    <t>216-0015</t>
  </si>
  <si>
    <t>川崎市立稗原小学校</t>
  </si>
  <si>
    <t>216-0012</t>
  </si>
  <si>
    <t>川崎市立犬蔵小学校</t>
  </si>
  <si>
    <t>川崎市立土橋小学校</t>
  </si>
  <si>
    <t>216-0005</t>
  </si>
  <si>
    <t>川崎市立稲田小学校</t>
  </si>
  <si>
    <t>214-0021</t>
  </si>
  <si>
    <t>川崎市立長尾小学校</t>
  </si>
  <si>
    <t>214-0023</t>
  </si>
  <si>
    <t>川崎市立宿河原小学校</t>
  </si>
  <si>
    <t>川崎市立登戸小学校</t>
  </si>
  <si>
    <t>214-0014</t>
  </si>
  <si>
    <t>川崎市立中野島小学校</t>
  </si>
  <si>
    <t>214-0012</t>
  </si>
  <si>
    <t>川崎市立下布田小学校</t>
  </si>
  <si>
    <t>214-0011</t>
  </si>
  <si>
    <t>川崎市立東菅小学校</t>
  </si>
  <si>
    <t>214-0004</t>
  </si>
  <si>
    <t>川崎市立南菅小学校</t>
  </si>
  <si>
    <t>川崎市立西菅小学校</t>
  </si>
  <si>
    <t>214-0008</t>
  </si>
  <si>
    <t>川崎市立菅小学校</t>
  </si>
  <si>
    <t>214-0001</t>
  </si>
  <si>
    <t>川崎市立東生田小学校</t>
  </si>
  <si>
    <t>214-0032</t>
  </si>
  <si>
    <t>川崎市立三田小学校</t>
  </si>
  <si>
    <t>214-0034</t>
  </si>
  <si>
    <t>川崎市立生田小学校</t>
  </si>
  <si>
    <t>214-0038</t>
  </si>
  <si>
    <t>川崎市立南生田小学校</t>
  </si>
  <si>
    <t>214-0036</t>
  </si>
  <si>
    <t>川崎市立長沢小学校</t>
  </si>
  <si>
    <t>215-0012</t>
  </si>
  <si>
    <t>川崎市立西生田小学校</t>
  </si>
  <si>
    <t>215-0001</t>
  </si>
  <si>
    <t>215-0005</t>
  </si>
  <si>
    <t>川崎市立金程小学校</t>
  </si>
  <si>
    <t>215-0006</t>
  </si>
  <si>
    <t>川崎市立百合丘小学校</t>
  </si>
  <si>
    <t>215-0011</t>
  </si>
  <si>
    <t>川崎市立南百合丘小学校</t>
  </si>
  <si>
    <t>215-0017</t>
  </si>
  <si>
    <t>川崎市立麻生小学校</t>
  </si>
  <si>
    <t>215-0021</t>
  </si>
  <si>
    <t>川崎市立東柿生小学校</t>
  </si>
  <si>
    <t>215-0018</t>
  </si>
  <si>
    <t>川崎市立真福寺小学校</t>
  </si>
  <si>
    <t>215-0014</t>
  </si>
  <si>
    <t>215-0015</t>
  </si>
  <si>
    <t>川崎市立王禅寺中央小学校</t>
  </si>
  <si>
    <t>川崎市立柿生小学校</t>
  </si>
  <si>
    <t>215-0023</t>
  </si>
  <si>
    <t>川崎市立岡上小学校</t>
  </si>
  <si>
    <t>215-0027</t>
  </si>
  <si>
    <t>川崎市立片平小学校</t>
  </si>
  <si>
    <t>川崎市立栗木台小学校</t>
  </si>
  <si>
    <t>215-0032</t>
  </si>
  <si>
    <t>川崎市立はるひ野小学校</t>
  </si>
  <si>
    <t>215-0036</t>
  </si>
  <si>
    <t>相模原市立大沢小学校</t>
  </si>
  <si>
    <t>相模原市立旭小学校</t>
  </si>
  <si>
    <t>相模原市立相原小学校</t>
  </si>
  <si>
    <t>相模原市立橋本小学校</t>
  </si>
  <si>
    <t>相模原市立作の口小学校</t>
  </si>
  <si>
    <t>相模原市立大島小学校</t>
  </si>
  <si>
    <t>相模原市立二本松小学校</t>
  </si>
  <si>
    <t>相模原市立宮上小学校</t>
  </si>
  <si>
    <t>相模原市立九沢小学校</t>
  </si>
  <si>
    <t>相模原市立当麻田小学校</t>
  </si>
  <si>
    <t>相模原市立川尻小学校</t>
  </si>
  <si>
    <t>252-0105</t>
  </si>
  <si>
    <t>相模原市立湘南小学校</t>
  </si>
  <si>
    <t>252-0115</t>
  </si>
  <si>
    <t>相模原市立広陵小学校</t>
  </si>
  <si>
    <t>252-0112</t>
  </si>
  <si>
    <t>相模原市立広田小学校</t>
  </si>
  <si>
    <t>252-0106</t>
  </si>
  <si>
    <t>相模原市立中野小学校</t>
  </si>
  <si>
    <t>相模原市立根小屋小学校</t>
  </si>
  <si>
    <t>相模原市立串川小学校</t>
  </si>
  <si>
    <t>相模原市立津久井中央小学校</t>
  </si>
  <si>
    <t>相模原市立桂北小学校</t>
  </si>
  <si>
    <t>相模原市立千木良小学校</t>
  </si>
  <si>
    <t>相模原市立内郷小学校</t>
  </si>
  <si>
    <t>相模原市立藤野北小学校</t>
  </si>
  <si>
    <t>相模原市立藤野小学校</t>
  </si>
  <si>
    <t>相模原市立藤野南小学校</t>
  </si>
  <si>
    <t>相模原市立田名小学校</t>
  </si>
  <si>
    <t>相模原市立上溝小学校</t>
  </si>
  <si>
    <t>相模原市立星が丘小学校</t>
  </si>
  <si>
    <t>相模原市立向陽小学校</t>
  </si>
  <si>
    <t>相模原市立淵野辺小学校</t>
  </si>
  <si>
    <t>相模原市立中央小学校</t>
  </si>
  <si>
    <t>相模原市立清新小学校</t>
  </si>
  <si>
    <t>相模原市立光が丘小学校</t>
  </si>
  <si>
    <t>相模原市立共和小学校</t>
  </si>
  <si>
    <t>相模原市立横山小学校</t>
  </si>
  <si>
    <t>相模原市立並木小学校</t>
  </si>
  <si>
    <t>相模原市立大野北小学校</t>
  </si>
  <si>
    <t>相模原市立陽光台小学校</t>
  </si>
  <si>
    <t>相模原市立上溝南小学校</t>
  </si>
  <si>
    <t>相模原市立田名北小学校</t>
  </si>
  <si>
    <t>相模原市立弥栄小学校</t>
  </si>
  <si>
    <t>相模原市立青葉小学校</t>
  </si>
  <si>
    <t>相模原市立淵野辺東小学校</t>
  </si>
  <si>
    <t>相模原市立新宿小学校</t>
  </si>
  <si>
    <t>相模原市立富士見小学校</t>
  </si>
  <si>
    <t>相模原市立小山小学校</t>
  </si>
  <si>
    <t>相模原市立新磯小学校</t>
  </si>
  <si>
    <t>相模原市立麻溝小学校</t>
  </si>
  <si>
    <t>相模原市立大野小学校</t>
  </si>
  <si>
    <t>相模原市立南大野小学校</t>
  </si>
  <si>
    <t>相模原市立谷口台小学校</t>
  </si>
  <si>
    <t>相模原市立相模台小学校</t>
  </si>
  <si>
    <t>相模原市立東林小学校</t>
  </si>
  <si>
    <t>相模原市立相武台小学校</t>
  </si>
  <si>
    <t>相模原市立大沼小学校</t>
  </si>
  <si>
    <t>相模原市立桜台小学校</t>
  </si>
  <si>
    <t>相模原市立上鶴間小学校</t>
  </si>
  <si>
    <t>相模原市立鶴の台小学校</t>
  </si>
  <si>
    <t>相模原市立鹿島台小学校</t>
  </si>
  <si>
    <t>相模原市立緑台小学校</t>
  </si>
  <si>
    <t>相模原市立大野台小学校</t>
  </si>
  <si>
    <t>相模原市立鶴園小学校</t>
  </si>
  <si>
    <t>相模原市立くぬぎ台小学校</t>
  </si>
  <si>
    <t>相模原市立双葉小学校</t>
  </si>
  <si>
    <t>相模原市立若草小学校</t>
  </si>
  <si>
    <t>相模原市立大野台中央小学校</t>
  </si>
  <si>
    <t>相模原市立谷口小学校</t>
  </si>
  <si>
    <t>相模原市立若松小学校</t>
  </si>
  <si>
    <t>相模原市立もえぎ台小学校</t>
  </si>
  <si>
    <t>相模原市立夢の丘小学校</t>
  </si>
  <si>
    <t>横須賀市立追浜小学校</t>
  </si>
  <si>
    <t>237-0067</t>
  </si>
  <si>
    <t>横須賀市立夏島小学校</t>
  </si>
  <si>
    <t>237-0062</t>
  </si>
  <si>
    <t>横須賀市立浦郷小学校</t>
  </si>
  <si>
    <t>237-0063</t>
  </si>
  <si>
    <t>横須賀市立鷹取小学校</t>
  </si>
  <si>
    <t>237-0066</t>
  </si>
  <si>
    <t>横須賀市立船越小学校</t>
  </si>
  <si>
    <t>237-0076</t>
  </si>
  <si>
    <t>横須賀市立田浦小学校</t>
  </si>
  <si>
    <t>237-0075</t>
  </si>
  <si>
    <t>横須賀市立長浦小学校</t>
  </si>
  <si>
    <t>238-0048</t>
  </si>
  <si>
    <t>横須賀市立逸見小学校</t>
  </si>
  <si>
    <t>238-0046</t>
  </si>
  <si>
    <t>横須賀市立沢山小学校</t>
  </si>
  <si>
    <t>238-0045</t>
  </si>
  <si>
    <t>横須賀市立桜小学校</t>
  </si>
  <si>
    <t>238-0043</t>
  </si>
  <si>
    <t>横須賀市立汐入小学校</t>
  </si>
  <si>
    <t>238-0042</t>
  </si>
  <si>
    <t>横須賀市立諏訪小学校</t>
  </si>
  <si>
    <t>238-0004</t>
  </si>
  <si>
    <t>横須賀市立田戸小学校</t>
  </si>
  <si>
    <t>238-0011</t>
  </si>
  <si>
    <t>横須賀市立山崎小学校</t>
  </si>
  <si>
    <t>238-0014</t>
  </si>
  <si>
    <t>横須賀市立豊島小学校</t>
  </si>
  <si>
    <t>238-0017</t>
  </si>
  <si>
    <t>横須賀市立鶴久保小学校</t>
  </si>
  <si>
    <t>238-0051</t>
  </si>
  <si>
    <t>横須賀市立公郷小学校</t>
  </si>
  <si>
    <t>238-0022</t>
  </si>
  <si>
    <t>横須賀市立池上小学校</t>
  </si>
  <si>
    <t>238-0035</t>
  </si>
  <si>
    <t>横須賀市立城北小学校</t>
  </si>
  <si>
    <t>238-0032</t>
  </si>
  <si>
    <t>横須賀市立衣笠小学校</t>
  </si>
  <si>
    <t>238-0026</t>
  </si>
  <si>
    <t>横須賀市立大矢部小学校</t>
  </si>
  <si>
    <t>238-0024</t>
  </si>
  <si>
    <t>横須賀市立森崎小学校</t>
  </si>
  <si>
    <t>238-0023</t>
  </si>
  <si>
    <t>横須賀市立大津小学校</t>
  </si>
  <si>
    <t>239-0808</t>
  </si>
  <si>
    <t>横須賀市立根岸小学校</t>
  </si>
  <si>
    <t>横須賀市立走水小学校</t>
  </si>
  <si>
    <t>239-0811</t>
  </si>
  <si>
    <t>横須賀市立馬堀小学校</t>
  </si>
  <si>
    <t>239-0802</t>
  </si>
  <si>
    <t>横須賀市立望洋小学校</t>
  </si>
  <si>
    <t>239-0803</t>
  </si>
  <si>
    <t>横須賀市立大塚台小学校</t>
  </si>
  <si>
    <t>239-0806</t>
  </si>
  <si>
    <t>横須賀市立浦賀小学校</t>
  </si>
  <si>
    <t>239-0822</t>
  </si>
  <si>
    <t>横須賀市立小原台小学校</t>
  </si>
  <si>
    <t>239-0812</t>
  </si>
  <si>
    <t>横須賀市立鴨居小学校</t>
  </si>
  <si>
    <t>239-0813</t>
  </si>
  <si>
    <t>横須賀市立高坂小学校</t>
  </si>
  <si>
    <t>239-0824</t>
  </si>
  <si>
    <t>横須賀市立岩戸小学校</t>
  </si>
  <si>
    <t>239-0844</t>
  </si>
  <si>
    <t>横須賀市立久里浜小学校</t>
  </si>
  <si>
    <t>239-0831</t>
  </si>
  <si>
    <t>横須賀市立明浜小学校</t>
  </si>
  <si>
    <t>横須賀市立神明小学校</t>
  </si>
  <si>
    <t>239-0832</t>
  </si>
  <si>
    <t>横須賀市立粟田小学校</t>
  </si>
  <si>
    <t>239-0833</t>
  </si>
  <si>
    <t>横須賀市立野比小学校</t>
  </si>
  <si>
    <t>239-0841</t>
  </si>
  <si>
    <t>横須賀市立野比東小学校</t>
  </si>
  <si>
    <t>横須賀市立北下浦小学校</t>
  </si>
  <si>
    <t>239-0842</t>
  </si>
  <si>
    <t>横須賀市立津久井小学校</t>
  </si>
  <si>
    <t>239-0843</t>
  </si>
  <si>
    <t>横須賀市立長井小学校</t>
  </si>
  <si>
    <t>238-0316</t>
  </si>
  <si>
    <t>横須賀市立富士見小学校</t>
  </si>
  <si>
    <t>238-0313</t>
  </si>
  <si>
    <t>横須賀市立武山小学校</t>
  </si>
  <si>
    <t>238-0311</t>
  </si>
  <si>
    <t>横須賀市立荻野小学校</t>
  </si>
  <si>
    <t>240-0102</t>
  </si>
  <si>
    <t>横須賀市立大楠小学校</t>
  </si>
  <si>
    <t>240-0104</t>
  </si>
  <si>
    <t>平塚市立崇善小学校</t>
  </si>
  <si>
    <t>254-0041</t>
  </si>
  <si>
    <t>平塚市立港小学校</t>
  </si>
  <si>
    <t>254-0806</t>
  </si>
  <si>
    <t>平塚市立松原小学校</t>
  </si>
  <si>
    <t>254-0031</t>
  </si>
  <si>
    <t>平塚市立富士見小学校</t>
  </si>
  <si>
    <t>254-0054</t>
  </si>
  <si>
    <t>平塚市立花水小学校</t>
  </si>
  <si>
    <t>254-0814</t>
  </si>
  <si>
    <t>平塚市立旭小学校</t>
  </si>
  <si>
    <t>254-0903</t>
  </si>
  <si>
    <t>平塚市立大野小学校</t>
  </si>
  <si>
    <t>254-0018</t>
  </si>
  <si>
    <t>平塚市立中原小学校</t>
  </si>
  <si>
    <t>254-0061</t>
  </si>
  <si>
    <t>平塚市立豊田小学校</t>
  </si>
  <si>
    <t>254-0085</t>
  </si>
  <si>
    <t>平塚市立神田小学校</t>
  </si>
  <si>
    <t>254-0013</t>
  </si>
  <si>
    <t>平塚市立城島小学校</t>
  </si>
  <si>
    <t>254-0004</t>
  </si>
  <si>
    <t>平塚市立岡崎小学校</t>
  </si>
  <si>
    <t>259-1212</t>
  </si>
  <si>
    <t>平塚市立金田小学校</t>
  </si>
  <si>
    <t>259-1216</t>
  </si>
  <si>
    <t>平塚市立土屋小学校</t>
  </si>
  <si>
    <t>259-1205</t>
  </si>
  <si>
    <t>平塚市立吉沢小学校</t>
  </si>
  <si>
    <t>259-1204</t>
  </si>
  <si>
    <t>259-1201</t>
  </si>
  <si>
    <t>259-1213</t>
  </si>
  <si>
    <t>平塚市立横内小学校</t>
  </si>
  <si>
    <t>254-0002</t>
  </si>
  <si>
    <t>平塚市立八幡小学校</t>
  </si>
  <si>
    <t>254-0016</t>
  </si>
  <si>
    <t>平塚市立南原小学校</t>
  </si>
  <si>
    <t>254-0065</t>
  </si>
  <si>
    <t>平塚市立真土小学校</t>
  </si>
  <si>
    <t>254-0019</t>
  </si>
  <si>
    <t>平塚市立松が丘小学校</t>
  </si>
  <si>
    <t>254-0077</t>
  </si>
  <si>
    <t>平塚市立相模小学校</t>
  </si>
  <si>
    <t>平塚市立なでしこ小学校</t>
  </si>
  <si>
    <t>254-0824</t>
  </si>
  <si>
    <t>平塚市立勝原小学校</t>
  </si>
  <si>
    <t>254-0914</t>
  </si>
  <si>
    <t>平塚市立松延小学校</t>
  </si>
  <si>
    <t>254-0901</t>
  </si>
  <si>
    <t>平塚市立みずほ小学校</t>
  </si>
  <si>
    <t>259-1207</t>
  </si>
  <si>
    <t>平塚市立山下小学校</t>
  </si>
  <si>
    <t>254-0911</t>
  </si>
  <si>
    <t>平塚市立大原小学校</t>
  </si>
  <si>
    <t>254-0074</t>
  </si>
  <si>
    <t>鎌倉市立第一小学校</t>
  </si>
  <si>
    <t>248-0014</t>
  </si>
  <si>
    <t>鎌倉市立第二小学校</t>
  </si>
  <si>
    <t>248-0002</t>
  </si>
  <si>
    <t>鎌倉市立御成小学校</t>
  </si>
  <si>
    <t>248-0012</t>
  </si>
  <si>
    <t>鎌倉市立稲村ヶ崎小学校</t>
  </si>
  <si>
    <t>248-0023</t>
  </si>
  <si>
    <t>鎌倉市立腰越小学校</t>
  </si>
  <si>
    <t>248-0033</t>
  </si>
  <si>
    <t>鎌倉市立深沢小学校</t>
  </si>
  <si>
    <t>247-0063</t>
  </si>
  <si>
    <t>鎌倉市立小坂小学校</t>
  </si>
  <si>
    <t>247-0055</t>
  </si>
  <si>
    <t>鎌倉市立玉縄小学校</t>
  </si>
  <si>
    <t>247-0071</t>
  </si>
  <si>
    <t>鎌倉市立大船小学校</t>
  </si>
  <si>
    <t>247-0056</t>
  </si>
  <si>
    <t>鎌倉市立山崎小学校</t>
  </si>
  <si>
    <t>247-0066</t>
  </si>
  <si>
    <t>鎌倉市立今泉小学校</t>
  </si>
  <si>
    <t>247-0052</t>
  </si>
  <si>
    <t>鎌倉市立西鎌倉小学校</t>
  </si>
  <si>
    <t>248-0032</t>
  </si>
  <si>
    <t>鎌倉市立七里ガ浜小学校</t>
  </si>
  <si>
    <t>248-0025</t>
  </si>
  <si>
    <t>鎌倉市立富士塚小学校</t>
  </si>
  <si>
    <t>247-0065</t>
  </si>
  <si>
    <t>鎌倉市立関谷小学校</t>
  </si>
  <si>
    <t>247-0075</t>
  </si>
  <si>
    <t>鎌倉市立植木小学校</t>
  </si>
  <si>
    <t>247-0073</t>
  </si>
  <si>
    <t>藤沢市立藤沢小学校</t>
    <rPh sb="0" eb="4">
      <t>フジサワシリツ</t>
    </rPh>
    <rPh sb="4" eb="6">
      <t>フジサワ</t>
    </rPh>
    <phoneticPr fontId="21"/>
  </si>
  <si>
    <t>藤沢市立明治小学校</t>
    <rPh sb="0" eb="4">
      <t>フジサワシリツ</t>
    </rPh>
    <phoneticPr fontId="20"/>
  </si>
  <si>
    <t>251-0057</t>
  </si>
  <si>
    <t>藤沢市立鵠沼小学校</t>
    <rPh sb="0" eb="4">
      <t>フジサワシリツ</t>
    </rPh>
    <phoneticPr fontId="20"/>
  </si>
  <si>
    <t>251-0028</t>
  </si>
  <si>
    <t>藤沢市立本町小学校</t>
    <rPh sb="0" eb="4">
      <t>フジサワシリツ</t>
    </rPh>
    <phoneticPr fontId="20"/>
  </si>
  <si>
    <t>251-0053</t>
  </si>
  <si>
    <t>藤沢市立村岡小学校</t>
    <rPh sb="0" eb="4">
      <t>フジサワシリツ</t>
    </rPh>
    <phoneticPr fontId="20"/>
  </si>
  <si>
    <t>251-0016</t>
  </si>
  <si>
    <t>藤沢市立六会小学校</t>
    <rPh sb="0" eb="4">
      <t>フジサワシリツ</t>
    </rPh>
    <phoneticPr fontId="20"/>
  </si>
  <si>
    <t>藤沢市立辻堂小学校</t>
    <rPh sb="0" eb="4">
      <t>フジサワシリツ</t>
    </rPh>
    <phoneticPr fontId="20"/>
  </si>
  <si>
    <t>251-0045</t>
  </si>
  <si>
    <t>藤沢市立鵠洋小学校</t>
    <rPh sb="0" eb="4">
      <t>フジサワシリツ</t>
    </rPh>
    <phoneticPr fontId="20"/>
  </si>
  <si>
    <t>251-0027</t>
  </si>
  <si>
    <t>藤沢市立片瀬小学校</t>
    <rPh sb="0" eb="4">
      <t>フジサワシリツ</t>
    </rPh>
    <phoneticPr fontId="20"/>
  </si>
  <si>
    <t>251-0032</t>
  </si>
  <si>
    <t>藤沢市立大道小学校</t>
    <rPh sb="0" eb="4">
      <t>フジサワシリツ</t>
    </rPh>
    <phoneticPr fontId="20"/>
  </si>
  <si>
    <t>251-0054</t>
  </si>
  <si>
    <t>藤沢市立秋葉台小学校</t>
    <rPh sb="0" eb="4">
      <t>フジサワシリツ</t>
    </rPh>
    <phoneticPr fontId="20"/>
  </si>
  <si>
    <t>藤沢市立御所見小学校</t>
    <rPh sb="0" eb="4">
      <t>フジサワシリツ</t>
    </rPh>
    <phoneticPr fontId="20"/>
  </si>
  <si>
    <t>252-0824</t>
  </si>
  <si>
    <t>藤沢市立長後小学校</t>
    <rPh sb="0" eb="4">
      <t>フジサワシリツ</t>
    </rPh>
    <phoneticPr fontId="20"/>
  </si>
  <si>
    <t>252-0801</t>
  </si>
  <si>
    <t>藤沢市立八松小学校</t>
  </si>
  <si>
    <t>251-0043</t>
  </si>
  <si>
    <t>藤沢市立高砂小学校</t>
  </si>
  <si>
    <t>251-0046</t>
  </si>
  <si>
    <t>藤沢市立善行小学校</t>
  </si>
  <si>
    <t>251-0877</t>
  </si>
  <si>
    <t>252-0807</t>
  </si>
  <si>
    <t>藤沢市立鵠南小学校</t>
  </si>
  <si>
    <t>251-0037</t>
  </si>
  <si>
    <t>藤沢市立浜見小学校</t>
  </si>
  <si>
    <t>藤沢市立俣野小学校</t>
  </si>
  <si>
    <t>252-0812</t>
  </si>
  <si>
    <t>藤沢市立大越小学校</t>
  </si>
  <si>
    <t>251-0876</t>
  </si>
  <si>
    <t>藤沢市立羽鳥小学校</t>
  </si>
  <si>
    <t>251-0056</t>
  </si>
  <si>
    <t>藤沢市立湘南台小学校</t>
  </si>
  <si>
    <t>252-0804</t>
  </si>
  <si>
    <t>藤沢市立大庭小学校</t>
  </si>
  <si>
    <t>251-0861</t>
  </si>
  <si>
    <t>藤沢市立亀井野小学校</t>
  </si>
  <si>
    <t>252-0813</t>
  </si>
  <si>
    <t>藤沢市立新林小学校</t>
  </si>
  <si>
    <t>251-0015</t>
  </si>
  <si>
    <t>藤沢市立中里小学校</t>
  </si>
  <si>
    <t>252-0825</t>
  </si>
  <si>
    <t>藤沢市立滝の沢小学校</t>
  </si>
  <si>
    <t>252-0816</t>
  </si>
  <si>
    <t>藤沢市立大鋸小学校</t>
  </si>
  <si>
    <t>251-0002</t>
  </si>
  <si>
    <t>藤沢市立天神小学校</t>
  </si>
  <si>
    <t>252-0814</t>
  </si>
  <si>
    <t>藤沢市立駒寄小学校</t>
  </si>
  <si>
    <t>藤沢市立高谷小学校</t>
  </si>
  <si>
    <t>251-0017</t>
  </si>
  <si>
    <t>藤沢市立小糸小学校</t>
  </si>
  <si>
    <t>藤沢市立大清水小学校</t>
  </si>
  <si>
    <t>藤沢市立石川小学校</t>
  </si>
  <si>
    <t>252-0815</t>
  </si>
  <si>
    <t>小田原市立三の丸小学校</t>
  </si>
  <si>
    <t>250-0012</t>
  </si>
  <si>
    <t>小田原市立新玉小学校</t>
  </si>
  <si>
    <t>250-0004</t>
  </si>
  <si>
    <t>小田原市立足柄小学校</t>
  </si>
  <si>
    <t>250-0001</t>
  </si>
  <si>
    <t>小田原市立芦子小学校</t>
  </si>
  <si>
    <t>小田原市立大窪小学校</t>
  </si>
  <si>
    <t>250-0034</t>
  </si>
  <si>
    <t>小田原市立早川小学校</t>
  </si>
  <si>
    <t>250-0021</t>
  </si>
  <si>
    <t>小田原市立山王小学校</t>
  </si>
  <si>
    <t>250-0003</t>
  </si>
  <si>
    <t>小田原市立久野小学校</t>
  </si>
  <si>
    <t>250-0055</t>
  </si>
  <si>
    <t>小田原市立富水小学校</t>
  </si>
  <si>
    <t>250-0854</t>
  </si>
  <si>
    <t>小田原市立町田小学校</t>
  </si>
  <si>
    <t>250-0002</t>
  </si>
  <si>
    <t>小田原市立下府中小学校</t>
  </si>
  <si>
    <t>256-0816</t>
  </si>
  <si>
    <t>小田原市立桜井小学校</t>
  </si>
  <si>
    <t>250-0851</t>
  </si>
  <si>
    <t>小田原市立千代小学校</t>
  </si>
  <si>
    <t>250-0215</t>
  </si>
  <si>
    <t>小田原市立下曽我小学校</t>
  </si>
  <si>
    <t>250-0206</t>
  </si>
  <si>
    <t>小田原市立国府津小学校</t>
  </si>
  <si>
    <t>256-0812</t>
  </si>
  <si>
    <t>小田原市立酒匂小学校</t>
  </si>
  <si>
    <t>小田原市立片浦小学校</t>
  </si>
  <si>
    <t>250-0024</t>
  </si>
  <si>
    <t>小田原市立曽我小学校</t>
  </si>
  <si>
    <t>250-0201</t>
  </si>
  <si>
    <t>小田原市立東富水小学校</t>
  </si>
  <si>
    <t>250-0866</t>
  </si>
  <si>
    <t>小田原市立前羽小学校</t>
  </si>
  <si>
    <t>256-0813</t>
  </si>
  <si>
    <t>小田原市立下中小学校</t>
  </si>
  <si>
    <t>256-0806</t>
  </si>
  <si>
    <t>小田原市立矢作小学校</t>
  </si>
  <si>
    <t>250-0873</t>
  </si>
  <si>
    <t>小田原市立報徳小学校</t>
  </si>
  <si>
    <t>250-0858</t>
  </si>
  <si>
    <t>小田原市立豊川小学校</t>
  </si>
  <si>
    <t>250-0862</t>
  </si>
  <si>
    <t>小田原市立富士見小学校</t>
  </si>
  <si>
    <t>250-0875</t>
  </si>
  <si>
    <t>茅ヶ崎市立茅ヶ崎小学校</t>
  </si>
  <si>
    <t>253-0056</t>
  </si>
  <si>
    <t>茅ヶ崎市立鶴嶺小学校</t>
  </si>
  <si>
    <t>253-0086</t>
  </si>
  <si>
    <t>茅ヶ崎市立松林小学校</t>
  </si>
  <si>
    <t>253-0011</t>
  </si>
  <si>
    <t>茅ヶ崎市立西浜小学校</t>
  </si>
  <si>
    <t>253-0061</t>
  </si>
  <si>
    <t>茅ヶ崎市立小出小学校</t>
  </si>
  <si>
    <t>253-0008</t>
  </si>
  <si>
    <t>茅ヶ崎市立松浪小学校</t>
  </si>
  <si>
    <t>253-0022</t>
  </si>
  <si>
    <t>茅ヶ崎市立梅田小学校</t>
  </si>
  <si>
    <t>253-0041</t>
  </si>
  <si>
    <t>茅ヶ崎市立香川小学校</t>
  </si>
  <si>
    <t>253-0082</t>
  </si>
  <si>
    <t>茅ヶ崎市立浜須賀小学校</t>
  </si>
  <si>
    <t>茅ヶ崎市立鶴が台小学校</t>
  </si>
  <si>
    <t>253-0003</t>
  </si>
  <si>
    <t>茅ヶ崎市立柳島小学校</t>
  </si>
  <si>
    <t>253-0064</t>
  </si>
  <si>
    <t>茅ヶ崎市立小和田小学校</t>
  </si>
  <si>
    <t>253-0012</t>
  </si>
  <si>
    <t>茅ヶ崎市立円蔵小学校</t>
  </si>
  <si>
    <t>253-0084</t>
  </si>
  <si>
    <t>茅ヶ崎市立今宿小学校</t>
  </si>
  <si>
    <t>253-0072</t>
  </si>
  <si>
    <t>茅ヶ崎市立室田小学校</t>
  </si>
  <si>
    <t>253-0018</t>
  </si>
  <si>
    <t>茅ヶ崎市立東海岸小学校</t>
  </si>
  <si>
    <t>253-0054</t>
  </si>
  <si>
    <t>茅ヶ崎市立浜之郷小学校</t>
  </si>
  <si>
    <t>茅ヶ崎市立緑が浜小学校</t>
  </si>
  <si>
    <t>253-0034</t>
  </si>
  <si>
    <t>茅ヶ崎市立汐見台小学校</t>
    <rPh sb="0" eb="5">
      <t>チガサキシリツ</t>
    </rPh>
    <rPh sb="5" eb="8">
      <t>シオミダイ</t>
    </rPh>
    <rPh sb="8" eb="11">
      <t>ショウガッコウ</t>
    </rPh>
    <phoneticPr fontId="20"/>
  </si>
  <si>
    <t>逗子市立逗子小学校</t>
  </si>
  <si>
    <t>249-0006</t>
  </si>
  <si>
    <t>逗子市立沼間小学校</t>
  </si>
  <si>
    <t>逗子市立久木小学校</t>
  </si>
  <si>
    <t>249-0001</t>
  </si>
  <si>
    <t>逗子市立小坪小学校</t>
  </si>
  <si>
    <t>249-0008</t>
  </si>
  <si>
    <t>逗子市立池子小学校</t>
  </si>
  <si>
    <t>249-0003</t>
  </si>
  <si>
    <t>238-0243</t>
  </si>
  <si>
    <t>三浦市立岬陽小学校</t>
  </si>
  <si>
    <t>238-0222</t>
  </si>
  <si>
    <t>三浦市立南下浦小学校</t>
  </si>
  <si>
    <t>238-0102</t>
  </si>
  <si>
    <t>三浦市立上宮田小学校</t>
  </si>
  <si>
    <t>238-0101</t>
  </si>
  <si>
    <t>238-0104</t>
  </si>
  <si>
    <t>三浦市立初声小学校</t>
  </si>
  <si>
    <t>238-0111</t>
  </si>
  <si>
    <t>三浦市立名向小学校</t>
  </si>
  <si>
    <t>238-0224</t>
  </si>
  <si>
    <t>秦野市立本町小学校</t>
  </si>
  <si>
    <t>257-0044</t>
  </si>
  <si>
    <t>秦野市立南小学校</t>
  </si>
  <si>
    <t>257-0014</t>
  </si>
  <si>
    <t>秦野市立東小学校</t>
  </si>
  <si>
    <t>257-0023</t>
  </si>
  <si>
    <t>秦野市立北小学校</t>
  </si>
  <si>
    <t>259-1302</t>
  </si>
  <si>
    <t>秦野市立大根小学校</t>
  </si>
  <si>
    <t>257-0003</t>
  </si>
  <si>
    <t>秦野市立西小学校</t>
  </si>
  <si>
    <t>259-1317</t>
  </si>
  <si>
    <t>秦野市立上小学校</t>
  </si>
  <si>
    <t>259-1334</t>
  </si>
  <si>
    <t>秦野市立広畑小学校</t>
  </si>
  <si>
    <t>257-0004</t>
  </si>
  <si>
    <t>秦野市立渋沢小学校</t>
  </si>
  <si>
    <t>259-1326</t>
  </si>
  <si>
    <t>秦野市立末広小学校</t>
  </si>
  <si>
    <t>257-0037</t>
  </si>
  <si>
    <t>秦野市立南が丘小学校</t>
  </si>
  <si>
    <t>257-0013</t>
  </si>
  <si>
    <t>秦野市立堀川小学校</t>
  </si>
  <si>
    <t>259-1305</t>
  </si>
  <si>
    <t>秦野市立鶴巻小学校</t>
  </si>
  <si>
    <t>257-0007</t>
  </si>
  <si>
    <t>厚木市立厚木小学校</t>
  </si>
  <si>
    <t>243-0003</t>
  </si>
  <si>
    <t>厚木市立依知南小学校</t>
  </si>
  <si>
    <t>243-0806</t>
  </si>
  <si>
    <t>厚木市立北小学校</t>
  </si>
  <si>
    <t>243-0803</t>
  </si>
  <si>
    <t>厚木市立荻野小学校</t>
  </si>
  <si>
    <t>243-0201</t>
  </si>
  <si>
    <t>厚木市立三田小学校</t>
  </si>
  <si>
    <t>243-0211</t>
  </si>
  <si>
    <t>厚木市立清水小学校</t>
  </si>
  <si>
    <t>243-0815</t>
  </si>
  <si>
    <t>厚木市立小鮎小学校</t>
  </si>
  <si>
    <t>243-0213</t>
  </si>
  <si>
    <t>厚木市立玉川小学校</t>
  </si>
  <si>
    <t>243-0121</t>
  </si>
  <si>
    <t>厚木市立南毛利小学校</t>
  </si>
  <si>
    <t>243-0036</t>
  </si>
  <si>
    <t>厚木市立相川小学校</t>
  </si>
  <si>
    <t>243-0021</t>
  </si>
  <si>
    <t>厚木市立厚木第二小学校</t>
  </si>
  <si>
    <t>243-0014</t>
  </si>
  <si>
    <t>243-0041</t>
  </si>
  <si>
    <t>厚木市立戸室小学校</t>
  </si>
  <si>
    <t>243-0031</t>
  </si>
  <si>
    <t>厚木市立愛甲小学校</t>
  </si>
  <si>
    <t>243-0028</t>
  </si>
  <si>
    <t>厚木市立妻田小学校</t>
  </si>
  <si>
    <t>243-0814</t>
  </si>
  <si>
    <t>厚木市立鳶尾小学校</t>
  </si>
  <si>
    <t>243-0204</t>
  </si>
  <si>
    <t>厚木市立毛利台小学校</t>
  </si>
  <si>
    <t>243-0037</t>
  </si>
  <si>
    <t>厚木市立上荻野小学校</t>
  </si>
  <si>
    <t>厚木市立飯山小学校</t>
  </si>
  <si>
    <t>厚木市立森の里小学校</t>
  </si>
  <si>
    <t>243-0122</t>
  </si>
  <si>
    <t>厚木市立依知小学校</t>
  </si>
  <si>
    <t>243-0804</t>
  </si>
  <si>
    <t>厚木市立戸田小学校</t>
  </si>
  <si>
    <t>243-0023</t>
  </si>
  <si>
    <t>厚木市立上依知小学校</t>
  </si>
  <si>
    <t>243-0801</t>
  </si>
  <si>
    <t>大和市立北大和小学校</t>
  </si>
  <si>
    <t>242-0001</t>
  </si>
  <si>
    <t>大和市立林間小学校</t>
  </si>
  <si>
    <t>242-0003</t>
  </si>
  <si>
    <t>大和市立大和小学校</t>
  </si>
  <si>
    <t>242-0018</t>
  </si>
  <si>
    <t>大和市立草柳小学校</t>
  </si>
  <si>
    <t>242-0021</t>
  </si>
  <si>
    <t>大和市立深見小学校</t>
  </si>
  <si>
    <t>242-0013</t>
  </si>
  <si>
    <t>大和市立桜丘小学校</t>
  </si>
  <si>
    <t>242-0014</t>
  </si>
  <si>
    <t>大和市立渋谷小学校</t>
  </si>
  <si>
    <t>大和市立西鶴間小学校</t>
  </si>
  <si>
    <t>242-0005</t>
  </si>
  <si>
    <t>大和市立緑野小学校</t>
  </si>
  <si>
    <t>大和市立上和田小学校</t>
  </si>
  <si>
    <t>大和市立柳橋小学校</t>
  </si>
  <si>
    <t>242-0022</t>
  </si>
  <si>
    <t>大和市立南林間小学校</t>
  </si>
  <si>
    <t>242-0006</t>
  </si>
  <si>
    <t>大和市立福田小学校</t>
  </si>
  <si>
    <t>242-0024</t>
  </si>
  <si>
    <t>大和市立大野原小学校</t>
  </si>
  <si>
    <t>242-0029</t>
  </si>
  <si>
    <t>大和市立下福田小学校</t>
  </si>
  <si>
    <t>大和市立大和東小学校</t>
  </si>
  <si>
    <t>242-0011</t>
  </si>
  <si>
    <t>大和市立文ケ岡小学校</t>
  </si>
  <si>
    <t>242-0028</t>
  </si>
  <si>
    <t>大和市立中央林間小学校</t>
  </si>
  <si>
    <t>大和市立引地台小学校</t>
  </si>
  <si>
    <t>242-0026</t>
  </si>
  <si>
    <t>伊勢原市立伊勢原小学校</t>
  </si>
  <si>
    <t>259-1131</t>
  </si>
  <si>
    <t>伊勢原市立大山小学校</t>
  </si>
  <si>
    <t>259-1107</t>
  </si>
  <si>
    <t>伊勢原市立高部屋小学校</t>
  </si>
  <si>
    <t>259-1111</t>
  </si>
  <si>
    <t>伊勢原市立比々多小学校</t>
  </si>
  <si>
    <t>259-1138</t>
  </si>
  <si>
    <t>伊勢原市立成瀬小学校</t>
  </si>
  <si>
    <t>259-1114</t>
  </si>
  <si>
    <t>伊勢原市立大田小学校</t>
  </si>
  <si>
    <t>259-1123</t>
  </si>
  <si>
    <t>伊勢原市立桜台小学校</t>
  </si>
  <si>
    <t>259-1132</t>
  </si>
  <si>
    <t>伊勢原市立緑台小学校</t>
  </si>
  <si>
    <t>伊勢原市立竹園小学校</t>
  </si>
  <si>
    <t>259-1135</t>
  </si>
  <si>
    <t>伊勢原市立石田小学校</t>
  </si>
  <si>
    <t>259-1116</t>
  </si>
  <si>
    <t>海老名市立海老名小学校</t>
  </si>
  <si>
    <t>243-0405</t>
  </si>
  <si>
    <t>海老名市立柏ケ谷小学校</t>
  </si>
  <si>
    <t>243-0402</t>
  </si>
  <si>
    <t>海老名市立有鹿小学校</t>
  </si>
  <si>
    <t>243-0433</t>
  </si>
  <si>
    <t>海老名市立有馬小学校</t>
  </si>
  <si>
    <t>243-0416</t>
  </si>
  <si>
    <t>海老名市立大谷小学校</t>
  </si>
  <si>
    <t>243-0413</t>
  </si>
  <si>
    <t>海老名市立上星小学校</t>
  </si>
  <si>
    <t>243-0431</t>
  </si>
  <si>
    <t>海老名市立中新田小学校</t>
  </si>
  <si>
    <t>243-0422</t>
  </si>
  <si>
    <t>海老名市立門沢橋小学校</t>
  </si>
  <si>
    <t>243-0426</t>
  </si>
  <si>
    <t>海老名市立東柏ケ谷小学校</t>
  </si>
  <si>
    <t>243-0401</t>
  </si>
  <si>
    <t>海老名市立社家小学校</t>
  </si>
  <si>
    <t>243-0424</t>
  </si>
  <si>
    <t>海老名市立杉久保小学校</t>
  </si>
  <si>
    <t>243-0410</t>
  </si>
  <si>
    <t>海老名市立今泉小学校</t>
  </si>
  <si>
    <t>海老名市立杉本小学校</t>
  </si>
  <si>
    <t>243-0406</t>
  </si>
  <si>
    <t>南足柄市立南足柄小学校</t>
  </si>
  <si>
    <t>250-0105</t>
  </si>
  <si>
    <t>南足柄市立福沢小学校</t>
  </si>
  <si>
    <t>250-0102</t>
  </si>
  <si>
    <t>南足柄市立岡本小学校</t>
  </si>
  <si>
    <t>250-0117</t>
  </si>
  <si>
    <t>南足柄市立岩原小学校</t>
  </si>
  <si>
    <t>250-0113</t>
  </si>
  <si>
    <t>南足柄市立向田小学校</t>
  </si>
  <si>
    <t>250-0104</t>
  </si>
  <si>
    <t>綾瀬市立綾瀬小学校</t>
  </si>
  <si>
    <t>252-1107</t>
  </si>
  <si>
    <t>綾瀬市立綾北小学校</t>
  </si>
  <si>
    <t>252-1133</t>
  </si>
  <si>
    <t>綾瀬市立綾西小学校</t>
  </si>
  <si>
    <t>252-1126</t>
  </si>
  <si>
    <t>綾瀬市立早園小学校</t>
  </si>
  <si>
    <t>252-1121</t>
  </si>
  <si>
    <t>綾瀬市立綾南小学校</t>
  </si>
  <si>
    <t>252-1113</t>
  </si>
  <si>
    <t>綾瀬市立天台小学校</t>
  </si>
  <si>
    <t>252-1137</t>
  </si>
  <si>
    <t>綾瀬市立北の台小学校</t>
  </si>
  <si>
    <t>252-1104</t>
  </si>
  <si>
    <t>綾瀬市立落合小学校</t>
  </si>
  <si>
    <t>252-1116</t>
  </si>
  <si>
    <t>綾瀬市立土棚小学校</t>
  </si>
  <si>
    <t>252-1114</t>
  </si>
  <si>
    <t>綾瀬市立寺尾小学校</t>
  </si>
  <si>
    <t>252-1134</t>
  </si>
  <si>
    <t>葉山町立葉山小学校</t>
  </si>
  <si>
    <t>240-0112</t>
  </si>
  <si>
    <t>葉山町立上山口小学校</t>
  </si>
  <si>
    <t>240-0115</t>
  </si>
  <si>
    <t>葉山町立長柄小学校</t>
  </si>
  <si>
    <t>240-0113</t>
  </si>
  <si>
    <t>葉山町立一色小学校</t>
  </si>
  <si>
    <t>240-0111</t>
  </si>
  <si>
    <t>寒川町立寒川小学校</t>
  </si>
  <si>
    <t>253-0106</t>
  </si>
  <si>
    <t>寒川町立一之宮小学校</t>
  </si>
  <si>
    <t>253-0111</t>
  </si>
  <si>
    <t>寒川町立旭小学校</t>
  </si>
  <si>
    <t>253-0101</t>
  </si>
  <si>
    <t>寒川町立小谷小学校</t>
  </si>
  <si>
    <t>253-0103</t>
  </si>
  <si>
    <t>寒川町立南小学校</t>
  </si>
  <si>
    <t>大磯町立大磯小学校</t>
  </si>
  <si>
    <t>255-0004</t>
  </si>
  <si>
    <t>259-0114</t>
  </si>
  <si>
    <t>259-0102</t>
  </si>
  <si>
    <t>二宮町立二宮小学校</t>
  </si>
  <si>
    <t>259-0123</t>
  </si>
  <si>
    <t>二宮町立一色小学校</t>
  </si>
  <si>
    <t>259-0133</t>
  </si>
  <si>
    <t>二宮町立山西小学校</t>
  </si>
  <si>
    <t>259-0124</t>
  </si>
  <si>
    <t>中井町立中村小学校</t>
  </si>
  <si>
    <t>259-0144</t>
  </si>
  <si>
    <t>中井町立井ノ口小学校</t>
  </si>
  <si>
    <t>259-0151</t>
  </si>
  <si>
    <t>大井町立大井小学校</t>
  </si>
  <si>
    <t>258-0019</t>
  </si>
  <si>
    <t>大井町立相和小学校</t>
  </si>
  <si>
    <t>258-0015</t>
  </si>
  <si>
    <t>大井町立上大井小学校</t>
  </si>
  <si>
    <t>258-0016</t>
  </si>
  <si>
    <t>松田町立松田小学校</t>
  </si>
  <si>
    <t>258-0004</t>
  </si>
  <si>
    <t>松田町立寄小学校</t>
  </si>
  <si>
    <t>258-0001</t>
  </si>
  <si>
    <t>山北町立川村小学校</t>
  </si>
  <si>
    <t>258-0113</t>
  </si>
  <si>
    <t>開成町立開成小学校</t>
  </si>
  <si>
    <t>258-0026</t>
  </si>
  <si>
    <t>開成町立開成南小学校</t>
    <rPh sb="6" eb="7">
      <t>ミナミ</t>
    </rPh>
    <phoneticPr fontId="20"/>
  </si>
  <si>
    <t>箱根町立湯本小学校</t>
  </si>
  <si>
    <t>250-0311</t>
  </si>
  <si>
    <t>箱根町立箱根の森小学校</t>
  </si>
  <si>
    <t>250-0401</t>
  </si>
  <si>
    <t>箱根町立仙石原小学校</t>
  </si>
  <si>
    <t>250-0631</t>
  </si>
  <si>
    <t>真鶴町立まなづる小学校</t>
  </si>
  <si>
    <t>259-0201</t>
  </si>
  <si>
    <t>湯河原町立湯河原小学校</t>
  </si>
  <si>
    <t>259-0314</t>
  </si>
  <si>
    <t>湯河原町立吉浜小学校</t>
  </si>
  <si>
    <t>259-0312</t>
  </si>
  <si>
    <t>湯河原町立東台福浦小学校</t>
  </si>
  <si>
    <t>愛川町立中津小学校</t>
  </si>
  <si>
    <t>243-0303</t>
  </si>
  <si>
    <t>愛川町立高峰小学校</t>
  </si>
  <si>
    <t>243-0308</t>
  </si>
  <si>
    <t>愛川町立田代小学校</t>
  </si>
  <si>
    <t>243-0306</t>
  </si>
  <si>
    <t>愛川町立半原小学校</t>
  </si>
  <si>
    <t>243-0307</t>
  </si>
  <si>
    <t>愛川町立中津第二小学校</t>
  </si>
  <si>
    <t>243-0302</t>
  </si>
  <si>
    <t>愛川町立菅原小学校</t>
  </si>
  <si>
    <t>243-0112</t>
  </si>
  <si>
    <t>243-0111</t>
  </si>
  <si>
    <t>横浜市立新井小学校桜坂分校</t>
    <rPh sb="9" eb="10">
      <t>サクラ</t>
    </rPh>
    <rPh sb="10" eb="11">
      <t>ザカ</t>
    </rPh>
    <rPh sb="11" eb="13">
      <t>ブンコウ</t>
    </rPh>
    <phoneticPr fontId="20"/>
  </si>
  <si>
    <t>横浜市立市場中学校</t>
  </si>
  <si>
    <t>230-0024</t>
  </si>
  <si>
    <t>横浜市立潮田中学校</t>
  </si>
  <si>
    <t>横浜市立末吉中学校</t>
  </si>
  <si>
    <t>横浜市立鶴見中学校</t>
  </si>
  <si>
    <t>横浜市立寺尾中学校</t>
  </si>
  <si>
    <t>横浜市立生麦中学校</t>
  </si>
  <si>
    <t>横浜市立寛政中学校</t>
  </si>
  <si>
    <t>230-0034</t>
  </si>
  <si>
    <t>横浜市立矢向中学校</t>
  </si>
  <si>
    <t>横浜市立上の宮中学校</t>
  </si>
  <si>
    <t>230-0075</t>
  </si>
  <si>
    <t>横浜市立浦島丘中学校</t>
  </si>
  <si>
    <t>221-0072</t>
  </si>
  <si>
    <t>横浜市立栗田谷中学校</t>
  </si>
  <si>
    <t>221-0804</t>
  </si>
  <si>
    <t>横浜市立六角橋中学校</t>
  </si>
  <si>
    <t>横浜市立神奈川中学校</t>
  </si>
  <si>
    <t>221-0004</t>
  </si>
  <si>
    <t>横浜市立松本中学校</t>
  </si>
  <si>
    <t>221-0852</t>
  </si>
  <si>
    <t>横浜市立錦台中学校</t>
  </si>
  <si>
    <t>横浜市立菅田中学校</t>
  </si>
  <si>
    <t>横浜市立老松中学校</t>
  </si>
  <si>
    <t>220-0032</t>
  </si>
  <si>
    <t>横浜市立岡野中学校</t>
  </si>
  <si>
    <t>220-0073</t>
  </si>
  <si>
    <t>横浜市立西中学校</t>
  </si>
  <si>
    <t>横浜市立軽井沢中学校</t>
  </si>
  <si>
    <t>220-0001</t>
  </si>
  <si>
    <t>横浜市立港中学校</t>
  </si>
  <si>
    <t>231-0023</t>
  </si>
  <si>
    <t>横浜市立大鳥中学校</t>
  </si>
  <si>
    <t>231-0821</t>
  </si>
  <si>
    <t>横浜市立仲尾台中学校</t>
  </si>
  <si>
    <t>231-0839</t>
  </si>
  <si>
    <t>横浜市立本牧中学校</t>
  </si>
  <si>
    <t>横浜市立横浜吉田中学校</t>
  </si>
  <si>
    <t>231-0047</t>
  </si>
  <si>
    <t>横浜市立共進中学校</t>
  </si>
  <si>
    <t>232-0045</t>
  </si>
  <si>
    <t>横浜市立平楽中学校</t>
  </si>
  <si>
    <t>232-0035</t>
  </si>
  <si>
    <t>横浜市立蒔田中学校</t>
  </si>
  <si>
    <t>232-0018</t>
  </si>
  <si>
    <t>横浜市立南中学校</t>
  </si>
  <si>
    <t>横浜市立南が丘中学校</t>
  </si>
  <si>
    <t>横浜市立永田中学校</t>
  </si>
  <si>
    <t>横浜市立六ツ川中学校</t>
  </si>
  <si>
    <t>横浜市立藤の木中学校</t>
  </si>
  <si>
    <t>横浜市立港南中学校</t>
  </si>
  <si>
    <t>233-0004</t>
  </si>
  <si>
    <t>横浜市立上永谷中学校</t>
  </si>
  <si>
    <t>横浜市立笹下中学校</t>
  </si>
  <si>
    <t>横浜市立港南台第一中学校</t>
  </si>
  <si>
    <t>横浜市立芹が谷中学校</t>
  </si>
  <si>
    <t>横浜市立日限山中学校</t>
  </si>
  <si>
    <t>横浜市立日野南中学校</t>
  </si>
  <si>
    <t>横浜市立東永谷中学校</t>
  </si>
  <si>
    <t>横浜市立南高等学校附属中学校</t>
  </si>
  <si>
    <t>横浜市立岩崎中学校</t>
  </si>
  <si>
    <t>横浜市立保土ケ谷中学校</t>
  </si>
  <si>
    <t>横浜市立宮田中学校</t>
  </si>
  <si>
    <t>240-0002</t>
  </si>
  <si>
    <t>横浜市立岩井原中学校</t>
  </si>
  <si>
    <t>横浜市立西谷中学校</t>
  </si>
  <si>
    <t>横浜市立上菅田中学校</t>
  </si>
  <si>
    <t>横浜市立橘中学校</t>
  </si>
  <si>
    <t>横浜市立鶴ケ峯中学校</t>
  </si>
  <si>
    <t>241-0021</t>
  </si>
  <si>
    <t>横浜市立万騎が原中学校</t>
  </si>
  <si>
    <t>241-0836</t>
  </si>
  <si>
    <t>横浜市立希望が丘中学校</t>
  </si>
  <si>
    <t>横浜市立上白根中学校</t>
  </si>
  <si>
    <t>横浜市立左近山中学校</t>
  </si>
  <si>
    <t>241-0831</t>
  </si>
  <si>
    <t>横浜市立都岡中学校</t>
  </si>
  <si>
    <t>横浜市立旭中学校</t>
  </si>
  <si>
    <t>241-0817</t>
  </si>
  <si>
    <t>横浜市立南希望が丘中学校</t>
  </si>
  <si>
    <t>241-0824</t>
  </si>
  <si>
    <t>横浜市立今宿中学校</t>
  </si>
  <si>
    <t>横浜市立本宿中学校</t>
  </si>
  <si>
    <t>241-0011</t>
  </si>
  <si>
    <t>横浜市立若葉台中学校</t>
  </si>
  <si>
    <t>横浜市立旭北中学校</t>
  </si>
  <si>
    <t>横浜市立根岸中学校</t>
  </si>
  <si>
    <t>横浜市立浜中学校</t>
  </si>
  <si>
    <t>横浜市立岡村中学校</t>
  </si>
  <si>
    <t>横浜市立汐見台中学校</t>
  </si>
  <si>
    <t>横浜市立洋光台第一中学校</t>
  </si>
  <si>
    <t>横浜市立洋光台第二中学校</t>
  </si>
  <si>
    <t>横浜市立森中学校</t>
  </si>
  <si>
    <t>横浜市立金沢中学校</t>
  </si>
  <si>
    <t>横浜市立六浦中学校</t>
  </si>
  <si>
    <t>横浜市立大道中学校</t>
  </si>
  <si>
    <t>横浜市立西柴中学校</t>
  </si>
  <si>
    <t>横浜市立富岡中学校</t>
  </si>
  <si>
    <t>横浜市立富岡東中学校</t>
  </si>
  <si>
    <t>横浜市立並木中学校</t>
  </si>
  <si>
    <t>横浜市立釜利谷中学校</t>
  </si>
  <si>
    <t>横浜市立小田中学校</t>
  </si>
  <si>
    <t>横浜市立城郷中学校</t>
  </si>
  <si>
    <t>横浜市立新田中学校</t>
  </si>
  <si>
    <t>横浜市立日吉台中学校</t>
  </si>
  <si>
    <t>横浜市立大綱中学校</t>
  </si>
  <si>
    <t>横浜市立篠原中学校</t>
  </si>
  <si>
    <t>横浜市立樽町中学校</t>
  </si>
  <si>
    <t>222-0001</t>
  </si>
  <si>
    <t>横浜市立日吉台西中学校</t>
  </si>
  <si>
    <t>横浜市立新羽中学校</t>
  </si>
  <si>
    <t>横浜市立高田中学校</t>
  </si>
  <si>
    <t>横浜市立田奈中学校</t>
  </si>
  <si>
    <t>226-0027</t>
  </si>
  <si>
    <t>横浜市立中山中学校</t>
  </si>
  <si>
    <t>226-0013</t>
  </si>
  <si>
    <t>横浜市立十日市場中学校</t>
  </si>
  <si>
    <t>横浜市立鴨居中学校</t>
  </si>
  <si>
    <t>横浜市立東鴨居中学校</t>
  </si>
  <si>
    <t>横浜市立山内中学校</t>
  </si>
  <si>
    <t>横浜市立谷本中学校</t>
  </si>
  <si>
    <t>227-0052</t>
  </si>
  <si>
    <t>横浜市立青葉台中学校</t>
  </si>
  <si>
    <t>227-0062</t>
  </si>
  <si>
    <t>横浜市立みたけ台中学校</t>
  </si>
  <si>
    <t>横浜市立美しが丘中学校</t>
  </si>
  <si>
    <t>横浜市立すすき野中学校</t>
  </si>
  <si>
    <t>横浜市立奈良中学校</t>
  </si>
  <si>
    <t>227-0035</t>
  </si>
  <si>
    <t>横浜市立緑が丘中学校</t>
  </si>
  <si>
    <t>227-0051</t>
  </si>
  <si>
    <t>横浜市立もえぎ野中学校</t>
  </si>
  <si>
    <t>横浜市立あざみ野中学校</t>
  </si>
  <si>
    <t>横浜市立鴨志田中学校</t>
  </si>
  <si>
    <t>横浜市立市ケ尾中学校</t>
  </si>
  <si>
    <t>横浜市立あかね台中学校</t>
  </si>
  <si>
    <t>227-0066</t>
  </si>
  <si>
    <t>横浜市立都田中学校</t>
  </si>
  <si>
    <t>横浜市立中川中学校</t>
  </si>
  <si>
    <t>224-0027</t>
  </si>
  <si>
    <t>横浜市立川和中学校</t>
  </si>
  <si>
    <t>横浜市立茅ケ崎中学校</t>
  </si>
  <si>
    <t>横浜市立荏田南中学校</t>
  </si>
  <si>
    <t>横浜市立中川西中学校</t>
  </si>
  <si>
    <t>横浜市立東山田中学校</t>
  </si>
  <si>
    <t>横浜市立早渕中学校</t>
  </si>
  <si>
    <t>224-0025</t>
  </si>
  <si>
    <t>横浜市立大正中学校</t>
  </si>
  <si>
    <t>横浜市立戸塚中学校</t>
  </si>
  <si>
    <t>横浜市立舞岡中学校</t>
  </si>
  <si>
    <t>横浜市立境木中学校</t>
  </si>
  <si>
    <t>横浜市立豊田中学校</t>
  </si>
  <si>
    <t>244-0815</t>
  </si>
  <si>
    <t>横浜市立汲沢中学校</t>
  </si>
  <si>
    <t>245-0062</t>
  </si>
  <si>
    <t>横浜市立名瀬中学校</t>
  </si>
  <si>
    <t>横浜市立深谷中学校</t>
  </si>
  <si>
    <t>横浜市立秋葉中学校</t>
  </si>
  <si>
    <t>横浜市立平戸中学校</t>
  </si>
  <si>
    <t>横浜市立南戸塚中学校</t>
  </si>
  <si>
    <t>横浜市立本郷中学校</t>
  </si>
  <si>
    <t>247-0005</t>
  </si>
  <si>
    <t>横浜市立上郷中学校</t>
  </si>
  <si>
    <t>横浜市立桂台中学校</t>
  </si>
  <si>
    <t>247-0034</t>
  </si>
  <si>
    <t>横浜市立西本郷中学校</t>
  </si>
  <si>
    <t>横浜市立飯島中学校</t>
  </si>
  <si>
    <t>横浜市立小山台中学校</t>
  </si>
  <si>
    <t>横浜市立岡津中学校</t>
  </si>
  <si>
    <t>横浜市立中和田中学校</t>
  </si>
  <si>
    <t>横浜市立泉が丘中学校</t>
  </si>
  <si>
    <t>横浜市立中田中学校</t>
  </si>
  <si>
    <t>245-0012</t>
  </si>
  <si>
    <t>横浜市立上飯田中学校</t>
  </si>
  <si>
    <t>横浜市立いずみ野中学校</t>
  </si>
  <si>
    <t>横浜市立領家中学校</t>
  </si>
  <si>
    <t>245-0004</t>
  </si>
  <si>
    <t>横浜市立瀬谷中学校</t>
  </si>
  <si>
    <t>246-0014</t>
  </si>
  <si>
    <t>横浜市立原中学校</t>
  </si>
  <si>
    <t>246-0025</t>
  </si>
  <si>
    <t>横浜市立南瀬谷中学校</t>
  </si>
  <si>
    <t>246-0032</t>
  </si>
  <si>
    <t>横浜市立東野中学校</t>
  </si>
  <si>
    <t>246-0012</t>
  </si>
  <si>
    <t>横浜市立下瀬谷中学校</t>
  </si>
  <si>
    <t>川崎市立大師中学校</t>
    <rPh sb="0" eb="2">
      <t>カワサキ</t>
    </rPh>
    <rPh sb="2" eb="4">
      <t>イチリツ</t>
    </rPh>
    <phoneticPr fontId="21"/>
  </si>
  <si>
    <t>210-0811</t>
  </si>
  <si>
    <t>210-0828</t>
  </si>
  <si>
    <t>210-0832</t>
  </si>
  <si>
    <t>210-0841</t>
  </si>
  <si>
    <t>210-0011</t>
  </si>
  <si>
    <t>212-0005</t>
  </si>
  <si>
    <t>212-0024</t>
  </si>
  <si>
    <t>211-0012</t>
  </si>
  <si>
    <t>211-0021</t>
  </si>
  <si>
    <t>211-0036</t>
  </si>
  <si>
    <t>211-0065</t>
  </si>
  <si>
    <t>216-0031</t>
  </si>
  <si>
    <t>216-0011</t>
  </si>
  <si>
    <t>214-0007</t>
  </si>
  <si>
    <t>215-0003</t>
  </si>
  <si>
    <t>川崎市立麻生中学校</t>
    <rPh sb="0" eb="2">
      <t>カワサキ</t>
    </rPh>
    <rPh sb="2" eb="4">
      <t>イチリツ</t>
    </rPh>
    <phoneticPr fontId="21"/>
  </si>
  <si>
    <t>215-0024</t>
  </si>
  <si>
    <t>川崎市立はるひ野中学校</t>
    <rPh sb="0" eb="2">
      <t>カワサキ</t>
    </rPh>
    <rPh sb="2" eb="4">
      <t>イチリツ</t>
    </rPh>
    <rPh sb="7" eb="8">
      <t>ノ</t>
    </rPh>
    <phoneticPr fontId="21"/>
  </si>
  <si>
    <t>川崎市立王禅寺中央中学校</t>
    <rPh sb="0" eb="2">
      <t>カワサキ</t>
    </rPh>
    <rPh sb="2" eb="4">
      <t>シリツ</t>
    </rPh>
    <rPh sb="4" eb="7">
      <t>オウゼンジ</t>
    </rPh>
    <rPh sb="7" eb="9">
      <t>チュウオウ</t>
    </rPh>
    <rPh sb="9" eb="12">
      <t>チュウガッコウ</t>
    </rPh>
    <phoneticPr fontId="21"/>
  </si>
  <si>
    <t>237-0061</t>
  </si>
  <si>
    <t>横須賀市立大津中学校</t>
    <phoneticPr fontId="21"/>
  </si>
  <si>
    <t>横須賀市立長井中学校</t>
    <phoneticPr fontId="21"/>
  </si>
  <si>
    <t>平塚市立江陽中学校</t>
    <rPh sb="0" eb="2">
      <t>ヒラツカ</t>
    </rPh>
    <phoneticPr fontId="21"/>
  </si>
  <si>
    <t>254-0805</t>
  </si>
  <si>
    <t>259-1219</t>
  </si>
  <si>
    <t>254-0005</t>
  </si>
  <si>
    <t>254-0014</t>
  </si>
  <si>
    <t>254-0905</t>
  </si>
  <si>
    <t>鎌倉市立第一中学校</t>
    <rPh sb="0" eb="2">
      <t>カマクラ</t>
    </rPh>
    <phoneticPr fontId="21"/>
  </si>
  <si>
    <t>248-0013</t>
  </si>
  <si>
    <t>鎌倉市立第二中学校</t>
    <phoneticPr fontId="21"/>
  </si>
  <si>
    <t>248-0004</t>
  </si>
  <si>
    <t>248-0015</t>
  </si>
  <si>
    <t>鎌倉市立腰越中学校</t>
    <phoneticPr fontId="21"/>
  </si>
  <si>
    <t>247-0072</t>
  </si>
  <si>
    <t>247-0051</t>
  </si>
  <si>
    <t>248-0036</t>
  </si>
  <si>
    <t>藤沢市立第一中学校</t>
    <rPh sb="0" eb="2">
      <t>フジサワ</t>
    </rPh>
    <phoneticPr fontId="21"/>
  </si>
  <si>
    <t>251-0021</t>
  </si>
  <si>
    <t>藤沢市立明治中学校</t>
    <phoneticPr fontId="21"/>
  </si>
  <si>
    <t>251-0042</t>
  </si>
  <si>
    <t>251-0033</t>
  </si>
  <si>
    <t>藤沢市立御所見中学校</t>
    <phoneticPr fontId="21"/>
  </si>
  <si>
    <t>252-0821</t>
  </si>
  <si>
    <t>251-0004</t>
  </si>
  <si>
    <t>藤沢市立湘南台中学校</t>
    <phoneticPr fontId="21"/>
  </si>
  <si>
    <t>252-0802</t>
  </si>
  <si>
    <t>藤沢市立滝の沢中学校</t>
    <phoneticPr fontId="21"/>
  </si>
  <si>
    <t>藤沢市立羽鳥中学校</t>
    <phoneticPr fontId="21"/>
  </si>
  <si>
    <t>小田原市立城山中学校</t>
    <rPh sb="0" eb="3">
      <t>オダワラ</t>
    </rPh>
    <rPh sb="3" eb="5">
      <t>イチリツ</t>
    </rPh>
    <phoneticPr fontId="21"/>
  </si>
  <si>
    <t>250-0045</t>
  </si>
  <si>
    <t>小田原市立白鴎中学校</t>
    <phoneticPr fontId="21"/>
  </si>
  <si>
    <t>小田原市立白山中学校</t>
    <phoneticPr fontId="21"/>
  </si>
  <si>
    <t>小田原市立鴨宮中学校</t>
    <phoneticPr fontId="21"/>
  </si>
  <si>
    <t>250-0874</t>
  </si>
  <si>
    <t>小田原市立千代中学校</t>
    <phoneticPr fontId="21"/>
  </si>
  <si>
    <t>小田原市立国府津中学校</t>
    <phoneticPr fontId="21"/>
  </si>
  <si>
    <t>小田原市立酒匂中学校</t>
    <phoneticPr fontId="21"/>
  </si>
  <si>
    <t>小田原市立泉中学校</t>
    <phoneticPr fontId="21"/>
  </si>
  <si>
    <t>小田原市立橘中学校</t>
    <rPh sb="0" eb="3">
      <t>オダワラ</t>
    </rPh>
    <rPh sb="3" eb="5">
      <t>イチリツ</t>
    </rPh>
    <phoneticPr fontId="21"/>
  </si>
  <si>
    <t>256-0804</t>
  </si>
  <si>
    <t>小田原市立城北中学校</t>
    <phoneticPr fontId="21"/>
  </si>
  <si>
    <t>250-0852</t>
  </si>
  <si>
    <t>茅ｹ崎市立第一中学校</t>
    <rPh sb="0" eb="3">
      <t>チガサキ</t>
    </rPh>
    <phoneticPr fontId="21"/>
  </si>
  <si>
    <t>茅ｹ崎市立松林中学校</t>
    <phoneticPr fontId="21"/>
  </si>
  <si>
    <t>茅ｹ崎市立西浜中学校</t>
    <phoneticPr fontId="21"/>
  </si>
  <si>
    <t>253-0045</t>
  </si>
  <si>
    <t>茅ｹ崎市立浜須賀中学校</t>
    <phoneticPr fontId="21"/>
  </si>
  <si>
    <t>253-0025</t>
  </si>
  <si>
    <t>茅ｹ崎市立北陽中学校</t>
    <phoneticPr fontId="21"/>
  </si>
  <si>
    <t>253-0081</t>
  </si>
  <si>
    <t>茅ｹ崎市立中島中学校</t>
    <phoneticPr fontId="21"/>
  </si>
  <si>
    <t>253-0073</t>
  </si>
  <si>
    <t>茅ｹ崎市立円蔵中学校</t>
    <phoneticPr fontId="21"/>
  </si>
  <si>
    <t>茅ｹ崎市立赤羽根中学校</t>
    <phoneticPr fontId="21"/>
  </si>
  <si>
    <t>253-0001</t>
  </si>
  <si>
    <t>253-0071</t>
  </si>
  <si>
    <t>逗子市立逗子中学校</t>
    <rPh sb="0" eb="2">
      <t>ズシ</t>
    </rPh>
    <phoneticPr fontId="21"/>
  </si>
  <si>
    <t>逗子市立沼間中学校</t>
    <phoneticPr fontId="21"/>
  </si>
  <si>
    <t>249-0004</t>
  </si>
  <si>
    <t>三浦市立三崎中学校</t>
    <rPh sb="0" eb="2">
      <t>ミウラ</t>
    </rPh>
    <rPh sb="2" eb="4">
      <t>シリツ</t>
    </rPh>
    <rPh sb="4" eb="6">
      <t>ミサキ</t>
    </rPh>
    <rPh sb="6" eb="9">
      <t>チュウガッコウ</t>
    </rPh>
    <phoneticPr fontId="20"/>
  </si>
  <si>
    <t>238-0221</t>
    <phoneticPr fontId="20"/>
  </si>
  <si>
    <t>三浦市立南下浦中学校</t>
    <phoneticPr fontId="21"/>
  </si>
  <si>
    <t>238-0103</t>
  </si>
  <si>
    <t>三浦市立初声中学校</t>
    <phoneticPr fontId="21"/>
  </si>
  <si>
    <t>257-0057</t>
  </si>
  <si>
    <t>257-0054</t>
  </si>
  <si>
    <t>259-1307</t>
  </si>
  <si>
    <t>259-1315</t>
  </si>
  <si>
    <t>259-1322</t>
  </si>
  <si>
    <t>243-0004</t>
  </si>
  <si>
    <t>243-0805</t>
  </si>
  <si>
    <t>243-0203</t>
  </si>
  <si>
    <t>243-0125</t>
  </si>
  <si>
    <t>243-0032</t>
  </si>
  <si>
    <t>243-0035</t>
  </si>
  <si>
    <t>243-0816</t>
  </si>
  <si>
    <t>243-0022</t>
  </si>
  <si>
    <t>242-0016</t>
  </si>
  <si>
    <t>242-0002</t>
  </si>
  <si>
    <t>大和市立下福田中学校</t>
    <rPh sb="0" eb="2">
      <t>ヤマト</t>
    </rPh>
    <rPh sb="2" eb="4">
      <t>イチリツ</t>
    </rPh>
    <phoneticPr fontId="21"/>
  </si>
  <si>
    <t>伊勢原市立山王中学校</t>
    <rPh sb="0" eb="3">
      <t>イセハラ</t>
    </rPh>
    <rPh sb="3" eb="5">
      <t>イチリツ</t>
    </rPh>
    <phoneticPr fontId="21"/>
  </si>
  <si>
    <t>259-1141</t>
  </si>
  <si>
    <t>259-1143</t>
  </si>
  <si>
    <t>243-0417</t>
  </si>
  <si>
    <t>243-0421</t>
  </si>
  <si>
    <t>南足柄市立足柄台中学校</t>
    <rPh sb="0" eb="1">
      <t>ミナミ</t>
    </rPh>
    <rPh sb="1" eb="3">
      <t>アシガラ</t>
    </rPh>
    <rPh sb="3" eb="5">
      <t>イチリツ</t>
    </rPh>
    <phoneticPr fontId="21"/>
  </si>
  <si>
    <t>250-0111</t>
  </si>
  <si>
    <t>252-1123</t>
  </si>
  <si>
    <t>252-1105</t>
  </si>
  <si>
    <t>252-1124</t>
  </si>
  <si>
    <t>葉山町立葉山中学校</t>
    <rPh sb="0" eb="2">
      <t>ハヤマ</t>
    </rPh>
    <rPh sb="2" eb="4">
      <t>チョウリツ</t>
    </rPh>
    <phoneticPr fontId="21"/>
  </si>
  <si>
    <t>葉山町立南郷中学校</t>
    <rPh sb="0" eb="2">
      <t>ハヤマ</t>
    </rPh>
    <rPh sb="2" eb="4">
      <t>チョウリツ</t>
    </rPh>
    <phoneticPr fontId="21"/>
  </si>
  <si>
    <t>寒川町立寒川中学校</t>
    <rPh sb="0" eb="2">
      <t>サムカワ</t>
    </rPh>
    <rPh sb="2" eb="4">
      <t>チョウリツ</t>
    </rPh>
    <phoneticPr fontId="21"/>
  </si>
  <si>
    <t>253-0105</t>
  </si>
  <si>
    <t>二宮町立二宮西中学校</t>
    <rPh sb="0" eb="2">
      <t>ニノミヤ</t>
    </rPh>
    <phoneticPr fontId="21"/>
  </si>
  <si>
    <t>259-0125</t>
  </si>
  <si>
    <t>中井町立中井中学校</t>
    <rPh sb="0" eb="2">
      <t>ナカイ</t>
    </rPh>
    <phoneticPr fontId="21"/>
  </si>
  <si>
    <t>259-0153</t>
  </si>
  <si>
    <t>大井町立湘光中学校</t>
    <rPh sb="0" eb="2">
      <t>オオイ</t>
    </rPh>
    <phoneticPr fontId="21"/>
  </si>
  <si>
    <t>258-0003</t>
  </si>
  <si>
    <t>258-0111</t>
  </si>
  <si>
    <t>開成町立文命中学校</t>
    <rPh sb="0" eb="2">
      <t>カイセイ</t>
    </rPh>
    <rPh sb="2" eb="4">
      <t>チョウリツ</t>
    </rPh>
    <phoneticPr fontId="21"/>
  </si>
  <si>
    <t>258-0021</t>
  </si>
  <si>
    <t>箱根町立箱根中学校</t>
    <rPh sb="0" eb="2">
      <t>ハコネ</t>
    </rPh>
    <rPh sb="2" eb="4">
      <t>チョウリツ</t>
    </rPh>
    <rPh sb="4" eb="6">
      <t>ハコネ</t>
    </rPh>
    <phoneticPr fontId="21"/>
  </si>
  <si>
    <t>250-0407</t>
  </si>
  <si>
    <t>真鶴町立真鶴中学校</t>
    <rPh sb="0" eb="2">
      <t>マナヅル</t>
    </rPh>
    <rPh sb="2" eb="4">
      <t>チョウリツ</t>
    </rPh>
    <phoneticPr fontId="21"/>
  </si>
  <si>
    <t>湯河原町立湯河原中学校</t>
    <rPh sb="0" eb="3">
      <t>ユガワラ</t>
    </rPh>
    <rPh sb="3" eb="5">
      <t>チョウリツ</t>
    </rPh>
    <phoneticPr fontId="21"/>
  </si>
  <si>
    <t>愛川町立愛川中原中学校</t>
    <rPh sb="0" eb="2">
      <t>アイカワ</t>
    </rPh>
    <rPh sb="2" eb="4">
      <t>チョウリツ</t>
    </rPh>
    <phoneticPr fontId="21"/>
  </si>
  <si>
    <t>清川村立緑中学校</t>
    <rPh sb="0" eb="2">
      <t>キヨカワ</t>
    </rPh>
    <rPh sb="2" eb="3">
      <t>ムラ</t>
    </rPh>
    <rPh sb="3" eb="4">
      <t>リツ</t>
    </rPh>
    <phoneticPr fontId="21"/>
  </si>
  <si>
    <t>清川村立宮ヶ瀬中学校</t>
    <rPh sb="0" eb="2">
      <t>キヨカワ</t>
    </rPh>
    <rPh sb="2" eb="3">
      <t>ムラ</t>
    </rPh>
    <rPh sb="3" eb="4">
      <t>リツ</t>
    </rPh>
    <phoneticPr fontId="21"/>
  </si>
  <si>
    <t>平塚市立金目小学校五領ヶ台分校</t>
    <rPh sb="9" eb="11">
      <t>ゴリョウ</t>
    </rPh>
    <rPh sb="12" eb="13">
      <t>ダイ</t>
    </rPh>
    <rPh sb="13" eb="15">
      <t>ブンコウ</t>
    </rPh>
    <phoneticPr fontId="21"/>
  </si>
  <si>
    <t>平塚市立金目中学校五領ヶ台分校</t>
    <rPh sb="9" eb="10">
      <t>ゴ</t>
    </rPh>
    <rPh sb="10" eb="11">
      <t>リョウ</t>
    </rPh>
    <rPh sb="12" eb="13">
      <t>ダイ</t>
    </rPh>
    <rPh sb="13" eb="15">
      <t>ブンコウ</t>
    </rPh>
    <phoneticPr fontId="21"/>
  </si>
  <si>
    <t>大磯町立国府小学校生沢分校</t>
    <rPh sb="9" eb="11">
      <t>イクサワ</t>
    </rPh>
    <rPh sb="11" eb="13">
      <t>ブンコウ</t>
    </rPh>
    <phoneticPr fontId="21"/>
  </si>
  <si>
    <t>大磯町立国府中学校生沢分校</t>
    <rPh sb="9" eb="11">
      <t>イクサワ</t>
    </rPh>
    <rPh sb="11" eb="13">
      <t>ブンコウ</t>
    </rPh>
    <phoneticPr fontId="21"/>
  </si>
  <si>
    <t>横浜市</t>
    <rPh sb="0" eb="3">
      <t>ヨコハマシ</t>
    </rPh>
    <phoneticPr fontId="18"/>
  </si>
  <si>
    <t>川崎市</t>
    <rPh sb="0" eb="3">
      <t>カワサキシ</t>
    </rPh>
    <phoneticPr fontId="18"/>
  </si>
  <si>
    <t>横須賀市</t>
    <rPh sb="0" eb="4">
      <t>ヨコスカシ</t>
    </rPh>
    <phoneticPr fontId="18"/>
  </si>
  <si>
    <t>鎌倉市</t>
    <rPh sb="0" eb="3">
      <t>カマクラシ</t>
    </rPh>
    <phoneticPr fontId="18"/>
  </si>
  <si>
    <t>藤沢市</t>
    <rPh sb="0" eb="3">
      <t>フジサワシ</t>
    </rPh>
    <phoneticPr fontId="18"/>
  </si>
  <si>
    <t>小田原市</t>
    <rPh sb="0" eb="4">
      <t>オダワラシ</t>
    </rPh>
    <phoneticPr fontId="18"/>
  </si>
  <si>
    <t>茅ケ崎市</t>
    <rPh sb="0" eb="4">
      <t>チガサキシ</t>
    </rPh>
    <phoneticPr fontId="18"/>
  </si>
  <si>
    <t>逗子市</t>
    <rPh sb="0" eb="2">
      <t>ズシ</t>
    </rPh>
    <rPh sb="2" eb="3">
      <t>シ</t>
    </rPh>
    <phoneticPr fontId="18"/>
  </si>
  <si>
    <t>三浦市</t>
    <rPh sb="0" eb="2">
      <t>ミウラ</t>
    </rPh>
    <rPh sb="2" eb="3">
      <t>シ</t>
    </rPh>
    <phoneticPr fontId="18"/>
  </si>
  <si>
    <t>大和市</t>
    <rPh sb="0" eb="3">
      <t>ヤマトシ</t>
    </rPh>
    <phoneticPr fontId="18"/>
  </si>
  <si>
    <t>伊勢原市</t>
    <rPh sb="0" eb="4">
      <t>イセハラシ</t>
    </rPh>
    <phoneticPr fontId="18"/>
  </si>
  <si>
    <t>南足柄市</t>
    <rPh sb="0" eb="4">
      <t>ミナミアシガラシ</t>
    </rPh>
    <phoneticPr fontId="18"/>
  </si>
  <si>
    <t>葉山町</t>
    <rPh sb="0" eb="3">
      <t>ハヤママチ</t>
    </rPh>
    <phoneticPr fontId="18"/>
  </si>
  <si>
    <t>寒川町</t>
    <rPh sb="0" eb="3">
      <t>サムカワマチ</t>
    </rPh>
    <phoneticPr fontId="18"/>
  </si>
  <si>
    <t>大磯町</t>
    <rPh sb="0" eb="3">
      <t>オオイソマチ</t>
    </rPh>
    <phoneticPr fontId="18"/>
  </si>
  <si>
    <t>二宮町</t>
    <rPh sb="0" eb="3">
      <t>ニノミヤマチ</t>
    </rPh>
    <phoneticPr fontId="18"/>
  </si>
  <si>
    <t>中井町</t>
    <rPh sb="0" eb="3">
      <t>ナカイマチ</t>
    </rPh>
    <phoneticPr fontId="18"/>
  </si>
  <si>
    <t>大井町</t>
    <rPh sb="0" eb="3">
      <t>オオイマチ</t>
    </rPh>
    <phoneticPr fontId="18"/>
  </si>
  <si>
    <t>松田町</t>
    <rPh sb="0" eb="3">
      <t>マツダマチ</t>
    </rPh>
    <phoneticPr fontId="18"/>
  </si>
  <si>
    <t>山北町</t>
    <rPh sb="0" eb="3">
      <t>ヤマキタマチ</t>
    </rPh>
    <phoneticPr fontId="18"/>
  </si>
  <si>
    <t>開成町</t>
    <rPh sb="0" eb="3">
      <t>カイセイマチ</t>
    </rPh>
    <phoneticPr fontId="18"/>
  </si>
  <si>
    <t>箱根町</t>
    <rPh sb="0" eb="3">
      <t>ハコネマチ</t>
    </rPh>
    <phoneticPr fontId="18"/>
  </si>
  <si>
    <t>真鶴町</t>
    <rPh sb="0" eb="2">
      <t>マナヅル</t>
    </rPh>
    <rPh sb="2" eb="3">
      <t>マチ</t>
    </rPh>
    <phoneticPr fontId="18"/>
  </si>
  <si>
    <t>湯河原町</t>
    <rPh sb="0" eb="4">
      <t>ユガワラマチ</t>
    </rPh>
    <phoneticPr fontId="18"/>
  </si>
  <si>
    <t>愛川町</t>
    <rPh sb="0" eb="3">
      <t>アイカワマチ</t>
    </rPh>
    <phoneticPr fontId="18"/>
  </si>
  <si>
    <t>清川村</t>
    <rPh sb="0" eb="3">
      <t>キヨカワムラ</t>
    </rPh>
    <phoneticPr fontId="18"/>
  </si>
  <si>
    <t>横浜市立東高等学校</t>
  </si>
  <si>
    <t>横浜市立みなと総合高等学校</t>
  </si>
  <si>
    <t>横浜市立横浜総合高等学校</t>
  </si>
  <si>
    <t>横浜市立桜丘高等学校</t>
  </si>
  <si>
    <t>横浜市立金沢高等学校</t>
  </si>
  <si>
    <t>236-0027</t>
  </si>
  <si>
    <t>横浜市立南高等学校</t>
  </si>
  <si>
    <t>横浜市立横浜サイエンスフロンティア高等学校</t>
  </si>
  <si>
    <t>230-0046</t>
  </si>
  <si>
    <t>0460-82-3000</t>
  </si>
  <si>
    <t>川崎市立川崎高等学校</t>
    <rPh sb="0" eb="2">
      <t>カワサキ</t>
    </rPh>
    <phoneticPr fontId="21"/>
  </si>
  <si>
    <t>210-0806</t>
  </si>
  <si>
    <t>川崎市立幸高等学校</t>
    <rPh sb="4" eb="5">
      <t>サイワ</t>
    </rPh>
    <phoneticPr fontId="21"/>
  </si>
  <si>
    <t>212-0002</t>
  </si>
  <si>
    <t>横須賀市立横須賀総合高等学校</t>
    <rPh sb="1" eb="3">
      <t>スカ</t>
    </rPh>
    <rPh sb="5" eb="8">
      <t>ヨコスカ</t>
    </rPh>
    <rPh sb="8" eb="10">
      <t>ソウゴウ</t>
    </rPh>
    <rPh sb="10" eb="14">
      <t>コウトウガッコウ</t>
    </rPh>
    <phoneticPr fontId="21"/>
  </si>
  <si>
    <t>045-581-2244</t>
  </si>
  <si>
    <t>045-581-2107</t>
  </si>
  <si>
    <t>045-501-2128</t>
  </si>
  <si>
    <t>045-571-0812</t>
  </si>
  <si>
    <t>045-581-4178</t>
  </si>
  <si>
    <t>045-501-2270</t>
  </si>
  <si>
    <t>045-581-3248</t>
  </si>
  <si>
    <t>045-501-2312</t>
  </si>
  <si>
    <t>045-501-3539</t>
  </si>
  <si>
    <t>045-521-9618</t>
  </si>
  <si>
    <t>045-501-4244</t>
  </si>
  <si>
    <t>045-581-3301</t>
  </si>
  <si>
    <t>045-581-4672</t>
  </si>
  <si>
    <t>045-571-1616</t>
  </si>
  <si>
    <t>045-581-2586</t>
  </si>
  <si>
    <t>045-581-7084</t>
  </si>
  <si>
    <t>045-501-7862</t>
  </si>
  <si>
    <t>045-571-7777</t>
  </si>
  <si>
    <t>045-581-6263</t>
  </si>
  <si>
    <t>045-575-3105</t>
  </si>
  <si>
    <t>045-585-2961</t>
  </si>
  <si>
    <t>045-583-8915</t>
  </si>
  <si>
    <t>045-421-0993</t>
  </si>
  <si>
    <t>045-321-3350</t>
  </si>
  <si>
    <t>045-441-5656</t>
  </si>
  <si>
    <t>045-491-9493</t>
  </si>
  <si>
    <t>045-491-8948</t>
  </si>
  <si>
    <t>045-401-4437</t>
  </si>
  <si>
    <t>045-441-3170</t>
  </si>
  <si>
    <t>045-321-5861</t>
  </si>
  <si>
    <t>045-401-4779</t>
  </si>
  <si>
    <t>045-491-8155</t>
  </si>
  <si>
    <t>045-431-1279</t>
  </si>
  <si>
    <t>045-421-7428</t>
  </si>
  <si>
    <t>045-491-9478</t>
  </si>
  <si>
    <t>045-421-4124</t>
  </si>
  <si>
    <t>045-491-8033</t>
  </si>
  <si>
    <t>045-383-1909</t>
  </si>
  <si>
    <t>045-481-3066</t>
  </si>
  <si>
    <t>045-231-4515</t>
  </si>
  <si>
    <t>045-231-4846</t>
  </si>
  <si>
    <t>045-322-1951</t>
  </si>
  <si>
    <t>045-311-2468</t>
  </si>
  <si>
    <t>045-241-7034</t>
  </si>
  <si>
    <t>045-323-1801</t>
  </si>
  <si>
    <t>045-231-1822</t>
  </si>
  <si>
    <t>045-311-6648</t>
  </si>
  <si>
    <t>045-621-2966</t>
  </si>
  <si>
    <t>045-681-7810</t>
  </si>
  <si>
    <t>045-231-0141</t>
  </si>
  <si>
    <t>045-622-9381</t>
  </si>
  <si>
    <t>045-621-7700</t>
  </si>
  <si>
    <t>045-641-4857</t>
  </si>
  <si>
    <t>045-622-0005</t>
  </si>
  <si>
    <t>045-622-5725</t>
  </si>
  <si>
    <t>045-621-9096</t>
  </si>
  <si>
    <t>045-261-0743</t>
  </si>
  <si>
    <t>045-711-0818</t>
  </si>
  <si>
    <t>045-231-6890</t>
  </si>
  <si>
    <t>045-231-8082</t>
  </si>
  <si>
    <t>045-261-3764</t>
  </si>
  <si>
    <t>045-731-9001</t>
  </si>
  <si>
    <t>045-741-5588</t>
  </si>
  <si>
    <t>045-712-2300</t>
  </si>
  <si>
    <t>045-261-1984</t>
  </si>
  <si>
    <t>045-731-0373</t>
  </si>
  <si>
    <t>045-741-4515</t>
  </si>
  <si>
    <t>045-741-8709</t>
  </si>
  <si>
    <t>045-731-0606</t>
  </si>
  <si>
    <t>045-714-4277</t>
  </si>
  <si>
    <t>045-715-3077</t>
  </si>
  <si>
    <t>045-715-2972</t>
  </si>
  <si>
    <t>045-742-6301</t>
  </si>
  <si>
    <t>045-842-1118</t>
  </si>
  <si>
    <t>045-843-8556</t>
  </si>
  <si>
    <t>045-843-7838</t>
  </si>
  <si>
    <t>045-842-2783</t>
  </si>
  <si>
    <t>045-842-1478</t>
  </si>
  <si>
    <t>045-822-4568</t>
  </si>
  <si>
    <t>045-843-8143</t>
  </si>
  <si>
    <t>045-822-7344</t>
  </si>
  <si>
    <t>045-842-6161</t>
  </si>
  <si>
    <t>045-823-6351</t>
  </si>
  <si>
    <t>045-841-6561</t>
  </si>
  <si>
    <t>045-832-0210</t>
  </si>
  <si>
    <t>045-845-3037</t>
  </si>
  <si>
    <t>045-841-9488</t>
  </si>
  <si>
    <t>045-841-9288</t>
  </si>
  <si>
    <t>045-823-3341</t>
  </si>
  <si>
    <t>045-831-7676</t>
  </si>
  <si>
    <t>045-833-0251</t>
  </si>
  <si>
    <t>045-843-9631</t>
  </si>
  <si>
    <t>045-832-0617</t>
  </si>
  <si>
    <t>045-842-3105</t>
  </si>
  <si>
    <t>045-332-2101</t>
  </si>
  <si>
    <t>045-332-7095</t>
  </si>
  <si>
    <t>045-371-0757</t>
  </si>
  <si>
    <t>045-351-3392</t>
  </si>
  <si>
    <t>045-335-5896</t>
  </si>
  <si>
    <t>045-331-5302</t>
  </si>
  <si>
    <t>045-331-5123</t>
  </si>
  <si>
    <t>045-741-4169</t>
  </si>
  <si>
    <t>045-341-6848</t>
  </si>
  <si>
    <t>045-331-4808</t>
  </si>
  <si>
    <t>045-351-1201</t>
  </si>
  <si>
    <t>045-332-1521</t>
  </si>
  <si>
    <t>045-381-7227</t>
  </si>
  <si>
    <t>045-383-3455</t>
  </si>
  <si>
    <t>045-381-3029</t>
  </si>
  <si>
    <t>045-332-4322</t>
  </si>
  <si>
    <t>045-351-2314</t>
  </si>
  <si>
    <t>045-713-8336</t>
  </si>
  <si>
    <t>045-742-6311</t>
  </si>
  <si>
    <t>045-364-5151</t>
  </si>
  <si>
    <t>045-373-4511</t>
  </si>
  <si>
    <t>045-951-2276</t>
  </si>
  <si>
    <t>045-951-2347</t>
  </si>
  <si>
    <t>045-391-0117</t>
  </si>
  <si>
    <t>045-373-6731</t>
  </si>
  <si>
    <t>045-363-8000</t>
  </si>
  <si>
    <t>045-351-5648</t>
  </si>
  <si>
    <t>045-951-2240</t>
  </si>
  <si>
    <t>045-364-8282</t>
  </si>
  <si>
    <t>045-921-2369</t>
  </si>
  <si>
    <t>045-361-0777</t>
  </si>
  <si>
    <t>045-362-0450</t>
  </si>
  <si>
    <t>045-361-5886</t>
  </si>
  <si>
    <t>045-952-1585</t>
  </si>
  <si>
    <t>045-953-0005</t>
  </si>
  <si>
    <t>045-953-2303</t>
  </si>
  <si>
    <t>045-953-4737</t>
  </si>
  <si>
    <t>045-351-3383</t>
  </si>
  <si>
    <t>045-364-9700</t>
  </si>
  <si>
    <t>045-364-5155</t>
  </si>
  <si>
    <t>045-955-0765</t>
  </si>
  <si>
    <t>045-921-5245</t>
  </si>
  <si>
    <t>045-351-7856</t>
  </si>
  <si>
    <t>045-751-0765</t>
  </si>
  <si>
    <t>045-771-0649</t>
  </si>
  <si>
    <t>045-751-6723</t>
  </si>
  <si>
    <t>045-751-0344</t>
  </si>
  <si>
    <t>045-761-0171</t>
  </si>
  <si>
    <t>045-761-2001</t>
  </si>
  <si>
    <t>045-773-0341</t>
  </si>
  <si>
    <t>045-752-3443</t>
  </si>
  <si>
    <t>045-761-1561</t>
  </si>
  <si>
    <t>045-833-0015</t>
  </si>
  <si>
    <t>045-833-1271</t>
  </si>
  <si>
    <t>045-773-1211</t>
  </si>
  <si>
    <t>045-833-1200</t>
  </si>
  <si>
    <t>045-833-1205</t>
  </si>
  <si>
    <t>045-752-1432</t>
  </si>
  <si>
    <t>045-755-1107</t>
  </si>
  <si>
    <t>045-781-2401</t>
  </si>
  <si>
    <t>045-782-5331</t>
  </si>
  <si>
    <t>045-781-2468</t>
  </si>
  <si>
    <t>045-773-2440</t>
  </si>
  <si>
    <t>045-781-2423</t>
  </si>
  <si>
    <t>045-781-2434</t>
  </si>
  <si>
    <t>045-781-3368</t>
  </si>
  <si>
    <t>045-781-2446</t>
  </si>
  <si>
    <t>045-783-1182</t>
  </si>
  <si>
    <t>045-772-1791</t>
  </si>
  <si>
    <t>045-783-4130</t>
  </si>
  <si>
    <t>045-783-8012</t>
  </si>
  <si>
    <t>045-774-0521</t>
  </si>
  <si>
    <t>045-783-9398</t>
  </si>
  <si>
    <t>045-771-5102</t>
  </si>
  <si>
    <t>045-701-3506</t>
  </si>
  <si>
    <t>045-771-8771</t>
  </si>
  <si>
    <t>045-782-3630</t>
  </si>
  <si>
    <t>045-775-3011</t>
  </si>
  <si>
    <t>045-785-3244</t>
  </si>
  <si>
    <t>045-785-3408</t>
  </si>
  <si>
    <t>045-561-2042</t>
  </si>
  <si>
    <t>045-591-0700</t>
  </si>
  <si>
    <t>045-591-0106</t>
  </si>
  <si>
    <t>045-542-0027</t>
  </si>
  <si>
    <t>045-431-8493</t>
  </si>
  <si>
    <t>045-542-0005</t>
  </si>
  <si>
    <t>045-401-9423</t>
  </si>
  <si>
    <t>045-401-9532</t>
  </si>
  <si>
    <t>045-561-2688</t>
  </si>
  <si>
    <t>045-542-1785</t>
  </si>
  <si>
    <t>045-561-7300</t>
  </si>
  <si>
    <t>045-431-1413</t>
  </si>
  <si>
    <t>045-542-4814</t>
  </si>
  <si>
    <t>045-542-0448</t>
  </si>
  <si>
    <t>045-542-5805</t>
  </si>
  <si>
    <t>045-563-6500</t>
  </si>
  <si>
    <t>045-563-3185</t>
  </si>
  <si>
    <t>045-542-8777</t>
  </si>
  <si>
    <t>045-541-7651</t>
  </si>
  <si>
    <t>045-543-8871</t>
  </si>
  <si>
    <t>045-542-9248</t>
  </si>
  <si>
    <t>045-592-6905</t>
  </si>
  <si>
    <t>045-543-7911</t>
  </si>
  <si>
    <t>045-472-8591</t>
  </si>
  <si>
    <t>045-931-2219</t>
  </si>
  <si>
    <t>045-981-0155</t>
  </si>
  <si>
    <t>045-931-2062</t>
  </si>
  <si>
    <t>045-931-2061</t>
  </si>
  <si>
    <t>045-931-2047</t>
  </si>
  <si>
    <t>045-981-0420</t>
  </si>
  <si>
    <t>045-931-1037</t>
  </si>
  <si>
    <t>045-932-6394</t>
  </si>
  <si>
    <t>045-984-3620</t>
  </si>
  <si>
    <t>045-472-5766</t>
  </si>
  <si>
    <t>045-933-5501</t>
  </si>
  <si>
    <t>045-932-6262</t>
  </si>
  <si>
    <t>045-985-4701</t>
  </si>
  <si>
    <t>045-931-8660</t>
  </si>
  <si>
    <t>045-937-0947</t>
  </si>
  <si>
    <t>045-971-4016</t>
  </si>
  <si>
    <t>045-973-7109</t>
  </si>
  <si>
    <t>045-981-0009</t>
  </si>
  <si>
    <t>045-911-0003</t>
  </si>
  <si>
    <t>045-962-1063</t>
  </si>
  <si>
    <t>045-981-7117</t>
  </si>
  <si>
    <t>045-901-3408</t>
  </si>
  <si>
    <t>045-983-1061</t>
  </si>
  <si>
    <t>045-983-1067</t>
  </si>
  <si>
    <t>045-973-4044</t>
  </si>
  <si>
    <t>045-902-1821</t>
  </si>
  <si>
    <t>045-971-9921</t>
  </si>
  <si>
    <t>045-971-4121</t>
  </si>
  <si>
    <t>045-901-0931</t>
  </si>
  <si>
    <t>045-973-5722</t>
  </si>
  <si>
    <t>045-902-7152</t>
  </si>
  <si>
    <t>045-902-4866</t>
  </si>
  <si>
    <t>045-902-7161</t>
  </si>
  <si>
    <t>045-962-2750</t>
  </si>
  <si>
    <t>045-973-2590</t>
  </si>
  <si>
    <t>045-962-2261</t>
  </si>
  <si>
    <t>045-901-3331</t>
  </si>
  <si>
    <t>045-961-7651</t>
  </si>
  <si>
    <t>045-911-6281</t>
  </si>
  <si>
    <t>045-974-1091</t>
  </si>
  <si>
    <t>045-911-4481</t>
  </si>
  <si>
    <t>045-961-7211</t>
  </si>
  <si>
    <t>045-962-5391</t>
  </si>
  <si>
    <t>045-972-0755</t>
  </si>
  <si>
    <t>045-902-0450</t>
  </si>
  <si>
    <t>045-591-2022</t>
  </si>
  <si>
    <t>045-941-2049</t>
  </si>
  <si>
    <t>045-931-2272</t>
  </si>
  <si>
    <t>045-942-6664</t>
  </si>
  <si>
    <t>045-592-3612</t>
  </si>
  <si>
    <t>045-592-3615</t>
  </si>
  <si>
    <t>045-911-0149</t>
  </si>
  <si>
    <t>045-592-0031</t>
  </si>
  <si>
    <t>045-933-7652</t>
  </si>
  <si>
    <t>045-941-7630</t>
  </si>
  <si>
    <t>045-942-1040</t>
  </si>
  <si>
    <t>045-942-2444</t>
  </si>
  <si>
    <t>045-912-1286</t>
  </si>
  <si>
    <t>045-942-8130</t>
  </si>
  <si>
    <t>045-942-8510</t>
  </si>
  <si>
    <t>045-592-0061</t>
  </si>
  <si>
    <t>045-913-6871</t>
  </si>
  <si>
    <t>045-593-9491</t>
  </si>
  <si>
    <t>045-944-3461</t>
  </si>
  <si>
    <t>045-594-4851</t>
  </si>
  <si>
    <t>045-943-0802</t>
  </si>
  <si>
    <t>045-912-5700</t>
  </si>
  <si>
    <t>045-881-0049</t>
  </si>
  <si>
    <t>045-811-9345</t>
  </si>
  <si>
    <t>045-851-0755</t>
  </si>
  <si>
    <t>045-871-1055</t>
  </si>
  <si>
    <t>045-864-8698</t>
  </si>
  <si>
    <t>045-822-8670</t>
  </si>
  <si>
    <t>045-822-0845</t>
  </si>
  <si>
    <t>045-822-0277</t>
  </si>
  <si>
    <t>045-851-1808</t>
  </si>
  <si>
    <t>045-871-3408</t>
  </si>
  <si>
    <t>045-881-8669</t>
  </si>
  <si>
    <t>045-821-2329</t>
  </si>
  <si>
    <t>045-852-0211</t>
  </si>
  <si>
    <t>045-852-0463</t>
  </si>
  <si>
    <t>045-861-5531</t>
  </si>
  <si>
    <t>045-811-8101</t>
  </si>
  <si>
    <t>045-824-4351</t>
  </si>
  <si>
    <t>045-864-5131</t>
  </si>
  <si>
    <t>045-823-4120</t>
  </si>
  <si>
    <t>045-812-3720</t>
  </si>
  <si>
    <t>045-824-0651</t>
  </si>
  <si>
    <t>045-811-6771</t>
  </si>
  <si>
    <t>045-852-6102</t>
  </si>
  <si>
    <t>045-824-7327</t>
  </si>
  <si>
    <t>045-862-3280</t>
  </si>
  <si>
    <t>045-824-5831</t>
  </si>
  <si>
    <t>045-862-3826</t>
  </si>
  <si>
    <t>045-881-0275</t>
  </si>
  <si>
    <t>045-891-6813</t>
  </si>
  <si>
    <t>045-892-2559</t>
  </si>
  <si>
    <t>045-851-6950</t>
  </si>
  <si>
    <t>045-861-1636</t>
  </si>
  <si>
    <t>045-891-8000</t>
  </si>
  <si>
    <t>045-893-4010</t>
  </si>
  <si>
    <t>045-894-0761</t>
  </si>
  <si>
    <t>045-893-1218</t>
  </si>
  <si>
    <t>045-891-5518</t>
  </si>
  <si>
    <t>045-894-0757</t>
  </si>
  <si>
    <t>045-894-5451</t>
  </si>
  <si>
    <t>045-892-6602</t>
  </si>
  <si>
    <t>045-893-0140</t>
  </si>
  <si>
    <t>045-802-2453</t>
  </si>
  <si>
    <t>045-811-4104</t>
  </si>
  <si>
    <t>045-802-1902</t>
  </si>
  <si>
    <t>045-802-0979</t>
  </si>
  <si>
    <t>045-802-3545</t>
  </si>
  <si>
    <t>045-802-0500</t>
  </si>
  <si>
    <t>045-811-2550</t>
  </si>
  <si>
    <t>045-803-0023</t>
  </si>
  <si>
    <t>045-803-6301</t>
  </si>
  <si>
    <t>045-803-6401</t>
  </si>
  <si>
    <t>045-804-0771</t>
  </si>
  <si>
    <t>045-804-1691</t>
  </si>
  <si>
    <t>045-814-3603</t>
  </si>
  <si>
    <t>045-802-3441</t>
  </si>
  <si>
    <t>045-301-1025</t>
  </si>
  <si>
    <t>045-362-2020</t>
  </si>
  <si>
    <t>045-301-0097</t>
  </si>
  <si>
    <t>045-391-5068</t>
  </si>
  <si>
    <t>045-301-0101</t>
  </si>
  <si>
    <t>045-364-5121</t>
  </si>
  <si>
    <t>045-301-0400</t>
  </si>
  <si>
    <t>045-301-0365</t>
  </si>
  <si>
    <t>045-302-5631</t>
  </si>
  <si>
    <t>045-303-0803</t>
  </si>
  <si>
    <t>045-364-2612</t>
  </si>
  <si>
    <t>045-501-4125</t>
  </si>
  <si>
    <t>045-521-3535</t>
  </si>
  <si>
    <t>045-581-0813</t>
  </si>
  <si>
    <t>045-501-2397</t>
  </si>
  <si>
    <t>045-571-4102</t>
  </si>
  <si>
    <t>045-581-3255</t>
  </si>
  <si>
    <t>045-511-0666</t>
  </si>
  <si>
    <t>045-581-4131</t>
  </si>
  <si>
    <t>045-582-8801</t>
  </si>
  <si>
    <t>045-421-6281</t>
  </si>
  <si>
    <t>045-481-3767</t>
  </si>
  <si>
    <t>045-481-3521</t>
  </si>
  <si>
    <t>045-431-4770</t>
  </si>
  <si>
    <t>045-323-2580</t>
  </si>
  <si>
    <t>045-401-3644</t>
  </si>
  <si>
    <t>045-472-2338</t>
  </si>
  <si>
    <t>045-241-5120</t>
  </si>
  <si>
    <t>045-311-3210</t>
  </si>
  <si>
    <t>045-231-0153</t>
  </si>
  <si>
    <t>045-311-2523</t>
  </si>
  <si>
    <t>045-681-3618</t>
  </si>
  <si>
    <t>045-621-4500</t>
  </si>
  <si>
    <t>045-621-9600</t>
  </si>
  <si>
    <t>045-623-7094</t>
  </si>
  <si>
    <t>045-261-0905</t>
  </si>
  <si>
    <t>045-711-5091</t>
  </si>
  <si>
    <t>045-261-4213</t>
  </si>
  <si>
    <t>045-711-2231</t>
  </si>
  <si>
    <t>045-712-9800</t>
  </si>
  <si>
    <t>045-711-1101</t>
  </si>
  <si>
    <t>045-715-5511</t>
  </si>
  <si>
    <t>045-715-3075</t>
  </si>
  <si>
    <t>045-714-2817</t>
  </si>
  <si>
    <t>045-842-2355</t>
  </si>
  <si>
    <t>045-842-3939</t>
  </si>
  <si>
    <t>045-841-1333</t>
  </si>
  <si>
    <t>045-832-0020</t>
  </si>
  <si>
    <t>045-823-7551</t>
  </si>
  <si>
    <t>045-841-1158</t>
  </si>
  <si>
    <t>045-832-4726</t>
  </si>
  <si>
    <t>045-823-9901</t>
  </si>
  <si>
    <t>045-822-9300</t>
  </si>
  <si>
    <t>045-331-3663</t>
  </si>
  <si>
    <t>045-331-8521</t>
  </si>
  <si>
    <t>045-331-5288</t>
  </si>
  <si>
    <t>045-731-5880</t>
  </si>
  <si>
    <t>045-373-5511</t>
  </si>
  <si>
    <t>045-381-7161</t>
  </si>
  <si>
    <t>045-382-1477</t>
  </si>
  <si>
    <t>045-335-5991</t>
  </si>
  <si>
    <t>045-951-2327</t>
  </si>
  <si>
    <t>045-391-5514</t>
  </si>
  <si>
    <t>045-391-0378</t>
  </si>
  <si>
    <t>045-952-2033</t>
  </si>
  <si>
    <t>045-351-7712</t>
  </si>
  <si>
    <t>045-953-2301</t>
  </si>
  <si>
    <t>045-364-5112</t>
  </si>
  <si>
    <t>045-364-5171</t>
  </si>
  <si>
    <t>045-953-0001</t>
  </si>
  <si>
    <t>045-373-0529</t>
  </si>
  <si>
    <t>045-921-1060</t>
  </si>
  <si>
    <t>045-955-1131</t>
  </si>
  <si>
    <t>045-751-2184</t>
  </si>
  <si>
    <t>045-771-4545</t>
  </si>
  <si>
    <t>045-751-3140</t>
  </si>
  <si>
    <t>045-752-3551</t>
  </si>
  <si>
    <t>045-833-1270</t>
  </si>
  <si>
    <t>045-833-3175</t>
  </si>
  <si>
    <t>045-761-2321</t>
  </si>
  <si>
    <t>045-781-2412</t>
  </si>
  <si>
    <t>045-701-7658</t>
  </si>
  <si>
    <t>045-781-2457</t>
  </si>
  <si>
    <t>045-781-2448</t>
  </si>
  <si>
    <t>045-773-1218</t>
  </si>
  <si>
    <t>045-771-0716</t>
  </si>
  <si>
    <t>045-783-5805</t>
  </si>
  <si>
    <t>045-784-7311</t>
  </si>
  <si>
    <t>045-775-3801</t>
  </si>
  <si>
    <t>045-471-8416</t>
  </si>
  <si>
    <t>045-542-0324</t>
  </si>
  <si>
    <t>045-561-2183</t>
  </si>
  <si>
    <t>045-542-4422</t>
  </si>
  <si>
    <t>045-433-2402</t>
  </si>
  <si>
    <t>045-542-8776</t>
  </si>
  <si>
    <t>045-563-3997</t>
  </si>
  <si>
    <t>045-542-1680</t>
  </si>
  <si>
    <t>045-591-4183</t>
  </si>
  <si>
    <t>045-981-3101</t>
  </si>
  <si>
    <t>045-931-2108</t>
  </si>
  <si>
    <t>045-981-0360</t>
  </si>
  <si>
    <t>045-934-3871</t>
  </si>
  <si>
    <t>045-931-7398</t>
  </si>
  <si>
    <t>045-901-0030</t>
  </si>
  <si>
    <t>045-973-7108</t>
  </si>
  <si>
    <t>045-983-1062</t>
  </si>
  <si>
    <t>045-971-6431</t>
  </si>
  <si>
    <t>045-901-9649</t>
  </si>
  <si>
    <t>045-901-5896</t>
  </si>
  <si>
    <t>045-962-2753</t>
  </si>
  <si>
    <t>045-973-5316</t>
  </si>
  <si>
    <t>045-971-7855</t>
  </si>
  <si>
    <t>045-902-4836</t>
  </si>
  <si>
    <t>045-961-3771</t>
  </si>
  <si>
    <t>045-973-3400</t>
  </si>
  <si>
    <t>045-985-5010</t>
  </si>
  <si>
    <t>045-941-2045</t>
  </si>
  <si>
    <t>045-592-3701</t>
  </si>
  <si>
    <t>045-941-1361</t>
  </si>
  <si>
    <t>045-941-0601</t>
  </si>
  <si>
    <t>045-942-0960</t>
  </si>
  <si>
    <t>045-912-1270</t>
  </si>
  <si>
    <t>045-594-5107</t>
  </si>
  <si>
    <t>045-593-8841</t>
  </si>
  <si>
    <t>045-851-3017</t>
  </si>
  <si>
    <t>045-864-1531</t>
  </si>
  <si>
    <t>045-822-2722</t>
  </si>
  <si>
    <t>045-822-8626</t>
  </si>
  <si>
    <t>045-864-8640</t>
  </si>
  <si>
    <t>045-861-5303</t>
  </si>
  <si>
    <t>045-812-1601</t>
  </si>
  <si>
    <t>045-852-2888</t>
  </si>
  <si>
    <t>045-811-6773</t>
  </si>
  <si>
    <t>045-823-8272</t>
  </si>
  <si>
    <t>045-871-7611</t>
  </si>
  <si>
    <t>045-892-2155</t>
  </si>
  <si>
    <t>045-892-2478</t>
  </si>
  <si>
    <t>045-891-2149</t>
  </si>
  <si>
    <t>045-892-1911</t>
  </si>
  <si>
    <t>045-894-2901</t>
  </si>
  <si>
    <t>045-892-7512</t>
  </si>
  <si>
    <t>045-811-4214</t>
  </si>
  <si>
    <t>045-802-1301</t>
  </si>
  <si>
    <t>045-802-8797</t>
  </si>
  <si>
    <t>045-803-3771</t>
  </si>
  <si>
    <t>045-804-0444</t>
  </si>
  <si>
    <t>045-804-6540</t>
  </si>
  <si>
    <t>045-811-6641</t>
  </si>
  <si>
    <t>045-301-0096</t>
  </si>
  <si>
    <t>045-391-0461</t>
  </si>
  <si>
    <t>045-301-5131</t>
  </si>
  <si>
    <t>045-302-1116</t>
  </si>
  <si>
    <t>045-301-4508</t>
  </si>
  <si>
    <t>045-571-0851</t>
  </si>
  <si>
    <t>045-662-3710</t>
  </si>
  <si>
    <t>045-713-2323</t>
  </si>
  <si>
    <t>045-751-5151</t>
  </si>
  <si>
    <t>045-744-1900</t>
  </si>
  <si>
    <t>045-331-5021</t>
  </si>
  <si>
    <t>045-781-5761</t>
  </si>
  <si>
    <t>045-871-0301</t>
  </si>
  <si>
    <t>045-822-1910</t>
  </si>
  <si>
    <t>045-511-3654</t>
  </si>
  <si>
    <t>044-266-4886</t>
  </si>
  <si>
    <t>044-266-5883</t>
  </si>
  <si>
    <t>044-288-2065</t>
  </si>
  <si>
    <t>044-288-2392</t>
  </si>
  <si>
    <t>044-288-3167</t>
  </si>
  <si>
    <t>044-288-2126</t>
  </si>
  <si>
    <t>044-266-4601</t>
  </si>
  <si>
    <t>044-344-2424</t>
  </si>
  <si>
    <t>044-344-4932</t>
  </si>
  <si>
    <t>044-333-2122</t>
  </si>
  <si>
    <t>044-333-3300</t>
  </si>
  <si>
    <t>044-333-5966</t>
  </si>
  <si>
    <t>044-233-6120</t>
  </si>
  <si>
    <t>044-233-6936</t>
  </si>
  <si>
    <t>044-333-8436</t>
  </si>
  <si>
    <t>044-322-2495</t>
  </si>
  <si>
    <t>044-233-4712</t>
  </si>
  <si>
    <t>044-233-2043</t>
  </si>
  <si>
    <t>044-233-2812</t>
  </si>
  <si>
    <t>044-322-2410</t>
  </si>
  <si>
    <t>044-522-0388</t>
  </si>
  <si>
    <t>044-522-2573</t>
  </si>
  <si>
    <t>044-511-4317</t>
  </si>
  <si>
    <t>044-522-2419</t>
  </si>
  <si>
    <t>044-522-3506</t>
  </si>
  <si>
    <t>044-533-1524</t>
  </si>
  <si>
    <t>044-511-5201</t>
  </si>
  <si>
    <t>044-522-3304</t>
  </si>
  <si>
    <t>044-522-0282</t>
  </si>
  <si>
    <t>044-588-4411</t>
  </si>
  <si>
    <t>044-588-3332</t>
  </si>
  <si>
    <t>044-599-2554</t>
  </si>
  <si>
    <t>044-599-1247</t>
  </si>
  <si>
    <t>044-522-0158</t>
  </si>
  <si>
    <t>044-511-6528</t>
  </si>
  <si>
    <t>044-522-4416</t>
  </si>
  <si>
    <t>044-411-2933</t>
  </si>
  <si>
    <t>044-422-4409</t>
  </si>
  <si>
    <t>044-433-3286</t>
  </si>
  <si>
    <t>044-422-1402</t>
  </si>
  <si>
    <t>044-422-5444</t>
  </si>
  <si>
    <t>044-766-3992</t>
  </si>
  <si>
    <t>044-722-7599</t>
  </si>
  <si>
    <t>044-411-2221</t>
  </si>
  <si>
    <t>044-733-4413</t>
  </si>
  <si>
    <t>044-722-1610</t>
  </si>
  <si>
    <t>044-766-4769</t>
  </si>
  <si>
    <t>044-766-4509</t>
  </si>
  <si>
    <t>044-777-5103</t>
  </si>
  <si>
    <t>044-766-2236</t>
  </si>
  <si>
    <t>044-777-6412</t>
  </si>
  <si>
    <t>044-777-0842</t>
  </si>
  <si>
    <t>044-766-4503</t>
  </si>
  <si>
    <t>044-866-7642</t>
  </si>
  <si>
    <t>044-877-6565</t>
  </si>
  <si>
    <t>044-833-5452</t>
  </si>
  <si>
    <t>044-822-2341</t>
  </si>
  <si>
    <t>044-822-9331</t>
  </si>
  <si>
    <t>044-822-0723</t>
  </si>
  <si>
    <t>044-822-2630</t>
  </si>
  <si>
    <t>044-877-8621</t>
  </si>
  <si>
    <t>044-888-0505</t>
  </si>
  <si>
    <t>044-777-6533</t>
  </si>
  <si>
    <t>044-866-2049</t>
  </si>
  <si>
    <t>044-866-0981</t>
  </si>
  <si>
    <t>044-833-5700</t>
  </si>
  <si>
    <t>044-766-2069</t>
  </si>
  <si>
    <t>044-766-3877</t>
  </si>
  <si>
    <t>044-788-5500</t>
  </si>
  <si>
    <t>044-866-2219</t>
  </si>
  <si>
    <t>044-854-2783</t>
  </si>
  <si>
    <t>044-866-1447</t>
  </si>
  <si>
    <t>044-855-7911</t>
  </si>
  <si>
    <t>044-888-0189</t>
  </si>
  <si>
    <t>044-853-0466</t>
  </si>
  <si>
    <t>044-855-2410</t>
  </si>
  <si>
    <t>044-866-7060</t>
  </si>
  <si>
    <t>044-866-7235</t>
  </si>
  <si>
    <t>044-977-8220</t>
  </si>
  <si>
    <t>044-977-0953</t>
  </si>
  <si>
    <t>044-976-4557</t>
  </si>
  <si>
    <t>044-976-1820</t>
  </si>
  <si>
    <t>044-865-1535</t>
  </si>
  <si>
    <t>044-911-7041</t>
  </si>
  <si>
    <t>044-866-1541</t>
  </si>
  <si>
    <t>044-933-5437</t>
  </si>
  <si>
    <t>044-911-2124</t>
  </si>
  <si>
    <t>044-911-8515</t>
  </si>
  <si>
    <t>044-944-5448</t>
  </si>
  <si>
    <t>044-944-2832</t>
  </si>
  <si>
    <t>044-944-5320</t>
  </si>
  <si>
    <t>044-945-8181</t>
  </si>
  <si>
    <t>044-944-2107</t>
  </si>
  <si>
    <t>044-911-4619</t>
  </si>
  <si>
    <t>044-900-1986</t>
  </si>
  <si>
    <t>044-911-2115</t>
  </si>
  <si>
    <t>044-954-5764</t>
  </si>
  <si>
    <t>044-954-5144</t>
  </si>
  <si>
    <t>044-966-5161</t>
  </si>
  <si>
    <t>044-954-1080</t>
  </si>
  <si>
    <t>044-966-5506</t>
  </si>
  <si>
    <t>044-966-3550</t>
  </si>
  <si>
    <t>044-966-6376</t>
  </si>
  <si>
    <t>044-954-0397</t>
  </si>
  <si>
    <t>044-988-0017</t>
  </si>
  <si>
    <t>044-988-4348</t>
  </si>
  <si>
    <t>044-987-1579</t>
  </si>
  <si>
    <t>044-988-9700</t>
  </si>
  <si>
    <t>044-988-0019</t>
  </si>
  <si>
    <t>044-988-8367</t>
  </si>
  <si>
    <t>044-987-6367</t>
  </si>
  <si>
    <t>044-987-4633</t>
  </si>
  <si>
    <t>044-980-5211</t>
  </si>
  <si>
    <t>044-266-5791</t>
  </si>
  <si>
    <t>044-266-2125</t>
  </si>
  <si>
    <t>044-222-5707</t>
  </si>
  <si>
    <t>044-288-7188</t>
  </si>
  <si>
    <t>044-333-5537</t>
  </si>
  <si>
    <t>044-322-2027</t>
  </si>
  <si>
    <t>044-333-2127</t>
  </si>
  <si>
    <t>044-244-4702</t>
  </si>
  <si>
    <t>044-233-4186</t>
  </si>
  <si>
    <t>044-222-7186</t>
  </si>
  <si>
    <t>044-511-2413</t>
  </si>
  <si>
    <t>044-522-3404</t>
  </si>
  <si>
    <t>044-511-0458</t>
  </si>
  <si>
    <t>044-588-4552</t>
  </si>
  <si>
    <t>044-588-6428</t>
  </si>
  <si>
    <t>044-511-3502</t>
  </si>
  <si>
    <t>044-411-2639</t>
  </si>
  <si>
    <t>044-411-3358</t>
  </si>
  <si>
    <t>044-766-3393</t>
  </si>
  <si>
    <t>044-722-9292</t>
  </si>
  <si>
    <t>044-722-3396</t>
  </si>
  <si>
    <t>044-766-3470</t>
  </si>
  <si>
    <t>044-777-2239</t>
  </si>
  <si>
    <t>044-766-1649</t>
  </si>
  <si>
    <t>044-777-6715</t>
  </si>
  <si>
    <t>044-822-2331</t>
  </si>
  <si>
    <t>044-833-2882</t>
  </si>
  <si>
    <t>044-822-2487</t>
  </si>
  <si>
    <t>044-877-2601</t>
  </si>
  <si>
    <t>044-766-3821</t>
  </si>
  <si>
    <t>044-855-7913</t>
  </si>
  <si>
    <t>044-855-3214</t>
  </si>
  <si>
    <t>044-866-2875</t>
  </si>
  <si>
    <t>044-976-3666</t>
  </si>
  <si>
    <t>044-977-8787</t>
  </si>
  <si>
    <t>044-977-0604</t>
  </si>
  <si>
    <t>044-911-4224</t>
  </si>
  <si>
    <t>044-900-1304</t>
  </si>
  <si>
    <t>044-944-4734</t>
  </si>
  <si>
    <t>044-944-5307</t>
  </si>
  <si>
    <t>044-944-8002</t>
  </si>
  <si>
    <t>044-911-4201</t>
  </si>
  <si>
    <t>044-954-5613</t>
  </si>
  <si>
    <t>044-966-8515</t>
  </si>
  <si>
    <t>044-951-2141</t>
  </si>
  <si>
    <t>044-954-5611</t>
  </si>
  <si>
    <t>044-954-2957</t>
  </si>
  <si>
    <t>044-988-0004</t>
  </si>
  <si>
    <t>044-988-9701</t>
  </si>
  <si>
    <t>044-987-0066</t>
  </si>
  <si>
    <t>044-244-4981</t>
  </si>
  <si>
    <t>044-522-0125</t>
  </si>
  <si>
    <t>044-511-7336</t>
  </si>
  <si>
    <t>044-411-2640</t>
  </si>
  <si>
    <t>044-811-2555</t>
  </si>
  <si>
    <t>042-761-2611</t>
  </si>
  <si>
    <t>042-772-0536</t>
  </si>
  <si>
    <t>042-771-2351</t>
  </si>
  <si>
    <t>042-773-1671</t>
  </si>
  <si>
    <t>042-761-1271</t>
  </si>
  <si>
    <t>042-762-6121</t>
  </si>
  <si>
    <t>042-773-5131</t>
  </si>
  <si>
    <t>042-773-8700</t>
  </si>
  <si>
    <t>042-763-1801</t>
  </si>
  <si>
    <t>042-773-2715</t>
  </si>
  <si>
    <t>042-782-2037</t>
  </si>
  <si>
    <t>042-782-2400</t>
  </si>
  <si>
    <t>042-782-4566</t>
  </si>
  <si>
    <t>042-782-8383</t>
  </si>
  <si>
    <t>042-784-1309</t>
  </si>
  <si>
    <t>042-784-1460</t>
  </si>
  <si>
    <t>042-784-0618</t>
  </si>
  <si>
    <t>042-784-0206</t>
  </si>
  <si>
    <t>042-685-1412</t>
  </si>
  <si>
    <t>042-685-0112</t>
  </si>
  <si>
    <t>042-685-0110</t>
  </si>
  <si>
    <t>042-687-3008</t>
  </si>
  <si>
    <t>042-687-2719</t>
  </si>
  <si>
    <t>042-689-2046</t>
  </si>
  <si>
    <t>042-762-0024</t>
  </si>
  <si>
    <t>042-754-6000</t>
  </si>
  <si>
    <t>042-752-1309</t>
  </si>
  <si>
    <t>042-752-2044</t>
  </si>
  <si>
    <t>042-753-0727</t>
  </si>
  <si>
    <t>042-753-0600</t>
  </si>
  <si>
    <t>042-753-2285</t>
  </si>
  <si>
    <t>042-753-2286</t>
  </si>
  <si>
    <t>042-754-8712</t>
  </si>
  <si>
    <t>042-756-3010</t>
  </si>
  <si>
    <t>042-755-4841</t>
  </si>
  <si>
    <t>042-755-7011</t>
  </si>
  <si>
    <t>042-778-3326</t>
  </si>
  <si>
    <t>042-761-2627</t>
  </si>
  <si>
    <t>042-755-3119</t>
  </si>
  <si>
    <t>042-754-6310</t>
  </si>
  <si>
    <t>042-759-0377</t>
  </si>
  <si>
    <t>042-761-0811</t>
  </si>
  <si>
    <t>042-750-8500</t>
  </si>
  <si>
    <t>042-775-1700</t>
  </si>
  <si>
    <t>046-251-0214</t>
  </si>
  <si>
    <t>042-778-0259</t>
  </si>
  <si>
    <t>042-742-3226</t>
  </si>
  <si>
    <t>042-742-2418</t>
  </si>
  <si>
    <t>042-744-1439</t>
  </si>
  <si>
    <t>042-742-9579</t>
  </si>
  <si>
    <t>046-251-2329</t>
  </si>
  <si>
    <t>042-743-5250</t>
  </si>
  <si>
    <t>042-742-3674</t>
  </si>
  <si>
    <t>042-743-9870</t>
  </si>
  <si>
    <t>042-745-5611</t>
  </si>
  <si>
    <t>042-745-7193</t>
  </si>
  <si>
    <t>046-253-2004</t>
  </si>
  <si>
    <t>042-756-1210</t>
  </si>
  <si>
    <t>042-746-6681</t>
  </si>
  <si>
    <t>042-746-0811</t>
  </si>
  <si>
    <t>042-746-0621</t>
  </si>
  <si>
    <t>042-746-4644</t>
  </si>
  <si>
    <t>042-755-0022</t>
  </si>
  <si>
    <t>042-748-9151</t>
  </si>
  <si>
    <t>042-748-5813</t>
  </si>
  <si>
    <t>042-746-8877</t>
  </si>
  <si>
    <t>042-777-5800</t>
  </si>
  <si>
    <t>042-761-2612</t>
  </si>
  <si>
    <t>042-772-0235</t>
  </si>
  <si>
    <t>042-773-1451</t>
  </si>
  <si>
    <t>042-761-0818</t>
  </si>
  <si>
    <t>042-782-2310</t>
  </si>
  <si>
    <t>042-782-8877</t>
  </si>
  <si>
    <t>042-784-1240</t>
  </si>
  <si>
    <t>042-784-0639</t>
  </si>
  <si>
    <t>042-785-0239</t>
  </si>
  <si>
    <t>042-685-1413</t>
  </si>
  <si>
    <t>042-685-0013</t>
  </si>
  <si>
    <t>042-687-3019</t>
  </si>
  <si>
    <t>042-755-3711</t>
  </si>
  <si>
    <t>042-762-0169</t>
  </si>
  <si>
    <t>042-752-2022</t>
  </si>
  <si>
    <t>042-754-9443</t>
  </si>
  <si>
    <t>042-756-3012</t>
  </si>
  <si>
    <t>042-755-4842</t>
  </si>
  <si>
    <t>042-755-0071</t>
  </si>
  <si>
    <t>042-758-0252</t>
  </si>
  <si>
    <t>042-763-0155</t>
  </si>
  <si>
    <t>042-773-3180</t>
  </si>
  <si>
    <t>042-758-3383</t>
  </si>
  <si>
    <t>042-778-0330</t>
  </si>
  <si>
    <t>042-742-3704</t>
  </si>
  <si>
    <t>042-742-6411</t>
  </si>
  <si>
    <t>042-743-9881</t>
  </si>
  <si>
    <t>042-745-7197</t>
  </si>
  <si>
    <t>042-755-4843</t>
  </si>
  <si>
    <t>042-746-6201</t>
  </si>
  <si>
    <t>042-743-2234</t>
  </si>
  <si>
    <t>042-742-0036</t>
  </si>
  <si>
    <t>042-748-5788</t>
  </si>
  <si>
    <t>042-743-2292</t>
  </si>
  <si>
    <t>042-749-1175</t>
  </si>
  <si>
    <t>046-865-2231</t>
  </si>
  <si>
    <t>046-865-3616</t>
  </si>
  <si>
    <t>046-865-3921</t>
  </si>
  <si>
    <t>046-866-1700</t>
  </si>
  <si>
    <t>046-861-1253</t>
  </si>
  <si>
    <t>046-861-1251</t>
  </si>
  <si>
    <t>046-823-2324</t>
  </si>
  <si>
    <t>046-822-0201</t>
  </si>
  <si>
    <t>046-822-0057</t>
  </si>
  <si>
    <t>046-822-3707</t>
  </si>
  <si>
    <t>046-822-0166</t>
  </si>
  <si>
    <t>046-822-0058</t>
  </si>
  <si>
    <t>046-822-0212</t>
  </si>
  <si>
    <t>046-822-0059</t>
  </si>
  <si>
    <t>046-822-0105</t>
  </si>
  <si>
    <t>046-824-0974</t>
  </si>
  <si>
    <t>046-851-0029</t>
  </si>
  <si>
    <t>046-851-0447</t>
  </si>
  <si>
    <t>046-851-2210</t>
  </si>
  <si>
    <t>046-851-0334</t>
  </si>
  <si>
    <t>046-834-7200</t>
  </si>
  <si>
    <t>046-836-0233</t>
  </si>
  <si>
    <t>046-836-3537</t>
  </si>
  <si>
    <t>046-827-0208</t>
  </si>
  <si>
    <t>046-841-0203</t>
  </si>
  <si>
    <t>046-841-0234</t>
  </si>
  <si>
    <t>046-835-7766</t>
  </si>
  <si>
    <t>046-830-5660</t>
  </si>
  <si>
    <t>046-841-0028</t>
  </si>
  <si>
    <t>046-841-4666</t>
  </si>
  <si>
    <t>046-841-0140</t>
  </si>
  <si>
    <t>046-841-4201</t>
  </si>
  <si>
    <t>046-848-3460</t>
  </si>
  <si>
    <t>046-835-0424</t>
  </si>
  <si>
    <t>046-835-0323</t>
  </si>
  <si>
    <t>046-834-4315</t>
  </si>
  <si>
    <t>046-848-6465</t>
  </si>
  <si>
    <t>046-849-7566</t>
  </si>
  <si>
    <t>046-847-1031</t>
  </si>
  <si>
    <t>046-848-0037</t>
  </si>
  <si>
    <t>046-848-5210</t>
  </si>
  <si>
    <t>046-856-1299</t>
  </si>
  <si>
    <t>046-856-4757</t>
  </si>
  <si>
    <t>046-856-3126</t>
  </si>
  <si>
    <t>046-857-0018</t>
  </si>
  <si>
    <t>046-856-0154</t>
  </si>
  <si>
    <t>046-865-6141</t>
  </si>
  <si>
    <t>046-866-3800</t>
  </si>
  <si>
    <t>046-861-6115</t>
  </si>
  <si>
    <t>046-822-2385</t>
  </si>
  <si>
    <t>046-823-0566</t>
  </si>
  <si>
    <t>046-825-7410</t>
  </si>
  <si>
    <t>046-852-5766</t>
  </si>
  <si>
    <t>046-851-1255</t>
  </si>
  <si>
    <t>046-853-5993</t>
  </si>
  <si>
    <t>046-834-1326</t>
  </si>
  <si>
    <t>046-823-1032</t>
  </si>
  <si>
    <t>046-841-4007</t>
  </si>
  <si>
    <t>046-841-0454</t>
  </si>
  <si>
    <t>046-841-0442</t>
  </si>
  <si>
    <t>046-848-3054</t>
  </si>
  <si>
    <t>046-835-0402</t>
  </si>
  <si>
    <t>046-834-4077</t>
  </si>
  <si>
    <t>046-849-3318</t>
  </si>
  <si>
    <t>046-848-0104</t>
  </si>
  <si>
    <t>046-849-5431</t>
  </si>
  <si>
    <t>046-856-2022</t>
  </si>
  <si>
    <t>046-856-1287</t>
  </si>
  <si>
    <t>046-856-2028</t>
  </si>
  <si>
    <t>046-833-4111</t>
  </si>
  <si>
    <t>0463-21-0412</t>
  </si>
  <si>
    <t>0463-21-0413</t>
  </si>
  <si>
    <t>0463-31-0049</t>
  </si>
  <si>
    <t>0463-31-0843</t>
  </si>
  <si>
    <t>0463-32-0136</t>
  </si>
  <si>
    <t>0463-55-1065</t>
  </si>
  <si>
    <t>0463-31-0949</t>
  </si>
  <si>
    <t>0463-31-1522</t>
  </si>
  <si>
    <t>0463-55-0006</t>
  </si>
  <si>
    <t>0463-55-1550</t>
  </si>
  <si>
    <t>0463-58-0158</t>
  </si>
  <si>
    <t>0463-58-1128</t>
  </si>
  <si>
    <t>0463-58-1414</t>
  </si>
  <si>
    <t>0463-58-0432</t>
  </si>
  <si>
    <t>0463-58-0020</t>
  </si>
  <si>
    <t>0463-55-2530</t>
  </si>
  <si>
    <t>0463-22-3773</t>
  </si>
  <si>
    <t>0463-32-7882</t>
  </si>
  <si>
    <t>0463-54-0627</t>
  </si>
  <si>
    <t>0463-54-1624</t>
  </si>
  <si>
    <t>0463-55-0022</t>
  </si>
  <si>
    <t>0463-34-1600</t>
  </si>
  <si>
    <t>0463-34-2520</t>
  </si>
  <si>
    <t>0463-31-9551</t>
  </si>
  <si>
    <t>0463-59-2191</t>
  </si>
  <si>
    <t>0463-34-4746</t>
  </si>
  <si>
    <t>0463-33-2225</t>
  </si>
  <si>
    <t>0463-21-0414</t>
  </si>
  <si>
    <t>0463-21-0419</t>
  </si>
  <si>
    <t>0463-31-0420</t>
  </si>
  <si>
    <t>0463-31-0479</t>
  </si>
  <si>
    <t>0463-55-1568</t>
  </si>
  <si>
    <t>0463-54-1623</t>
  </si>
  <si>
    <t>0463-58-6680</t>
  </si>
  <si>
    <t>0463-58-0151</t>
  </si>
  <si>
    <t>0463-33-2151</t>
  </si>
  <si>
    <t>0463-54-0626</t>
  </si>
  <si>
    <t>0463-34-2530</t>
  </si>
  <si>
    <t>0463-23-6215</t>
  </si>
  <si>
    <t>0463-58-8558</t>
  </si>
  <si>
    <t>0463-55-8131</t>
  </si>
  <si>
    <t>0463-59-0400</t>
  </si>
  <si>
    <t>0467-25-1200</t>
  </si>
  <si>
    <t>0467-25-1202</t>
  </si>
  <si>
    <t>0467-25-1204</t>
  </si>
  <si>
    <t>0467-24-8338</t>
  </si>
  <si>
    <t>0467-31-7600</t>
  </si>
  <si>
    <t>0467-44-1226</t>
  </si>
  <si>
    <t>0467-44-1228</t>
  </si>
  <si>
    <t>0467-44-1230</t>
  </si>
  <si>
    <t>0467-44-1224</t>
  </si>
  <si>
    <t>0467-44-1232</t>
  </si>
  <si>
    <t>0467-44-1234</t>
  </si>
  <si>
    <t>0467-32-4100</t>
  </si>
  <si>
    <t>0467-32-4102</t>
  </si>
  <si>
    <t>0467-45-1621</t>
  </si>
  <si>
    <t>0467-44-5436</t>
  </si>
  <si>
    <t>0467-44-1686</t>
  </si>
  <si>
    <t>0467-25-1300</t>
  </si>
  <si>
    <t>0467-25-1302</t>
  </si>
  <si>
    <t>0467-25-1304</t>
  </si>
  <si>
    <t>0467-31-1500</t>
  </si>
  <si>
    <t>0467-44-1222</t>
  </si>
  <si>
    <t>0467-44-1220</t>
  </si>
  <si>
    <t>0467-45-6197</t>
  </si>
  <si>
    <t>0467-47-5131</t>
  </si>
  <si>
    <t>0467-32-0801</t>
  </si>
  <si>
    <t>0466-25-7533</t>
  </si>
  <si>
    <t>0466-33-2442</t>
  </si>
  <si>
    <t>0466-23-3119</t>
  </si>
  <si>
    <t>0466-26-1577</t>
  </si>
  <si>
    <t>0466-26-3290</t>
  </si>
  <si>
    <t>0466-81-5595</t>
  </si>
  <si>
    <t>0466-33-4121</t>
  </si>
  <si>
    <t>0466-26-3989</t>
  </si>
  <si>
    <t>0466-26-1440</t>
  </si>
  <si>
    <t>0466-26-3976</t>
  </si>
  <si>
    <t>0466-87-3014</t>
  </si>
  <si>
    <t>0466-48-1255</t>
  </si>
  <si>
    <t>0466-44-0129</t>
  </si>
  <si>
    <t>0466-34-3500</t>
  </si>
  <si>
    <t>0466-36-5149</t>
  </si>
  <si>
    <t>0466-81-6573</t>
  </si>
  <si>
    <t>0466-34-0179</t>
  </si>
  <si>
    <t>0466-34-0278</t>
  </si>
  <si>
    <t>0466-81-7751</t>
  </si>
  <si>
    <t>0466-81-6051</t>
  </si>
  <si>
    <t>0466-34-1617</t>
  </si>
  <si>
    <t>0466-43-3682</t>
  </si>
  <si>
    <t>0466-87-1100</t>
  </si>
  <si>
    <t>0466-81-5551</t>
  </si>
  <si>
    <t>0466-27-1951</t>
  </si>
  <si>
    <t>0466-48-7733</t>
  </si>
  <si>
    <t>0466-87-3521</t>
  </si>
  <si>
    <t>0466-27-6131</t>
  </si>
  <si>
    <t>0466-81-2451</t>
  </si>
  <si>
    <t>0466-87-4611</t>
  </si>
  <si>
    <t>0466-25-6151</t>
  </si>
  <si>
    <t>0466-87-9149</t>
  </si>
  <si>
    <t>0466-81-2348</t>
  </si>
  <si>
    <t>0466-86-2551</t>
  </si>
  <si>
    <t>0466-25-3100</t>
  </si>
  <si>
    <t>0466-33-1300</t>
  </si>
  <si>
    <t>0466-25-6255</t>
  </si>
  <si>
    <t>0466-81-2802</t>
  </si>
  <si>
    <t>0466-26-2814</t>
  </si>
  <si>
    <t>0466-48-1014</t>
  </si>
  <si>
    <t>0466-33-2215</t>
  </si>
  <si>
    <t>0466-44-0341</t>
  </si>
  <si>
    <t>0466-26-5197</t>
  </si>
  <si>
    <t>0466-34-5225</t>
  </si>
  <si>
    <t>0466-82-2212</t>
  </si>
  <si>
    <t>0466-87-6815</t>
  </si>
  <si>
    <t>0466-87-5271</t>
  </si>
  <si>
    <t>0466-27-6421</t>
  </si>
  <si>
    <t>0466-45-4811</t>
  </si>
  <si>
    <t>0466-45-5320</t>
  </si>
  <si>
    <t>0466-87-9148</t>
  </si>
  <si>
    <t>0466-82-2503</t>
  </si>
  <si>
    <t>0466-36-3111</t>
  </si>
  <si>
    <t>0465-22-5164</t>
  </si>
  <si>
    <t>0465-22-5167</t>
  </si>
  <si>
    <t>0465-34-1314</t>
  </si>
  <si>
    <t>0465-34-8244</t>
  </si>
  <si>
    <t>0465-22-1309</t>
  </si>
  <si>
    <t>0465-22-4892</t>
  </si>
  <si>
    <t>0465-35-2654</t>
  </si>
  <si>
    <t>0465-35-3530</t>
  </si>
  <si>
    <t>0465-36-3291</t>
  </si>
  <si>
    <t>0465-34-5290</t>
  </si>
  <si>
    <t>0465-47-3364</t>
  </si>
  <si>
    <t>0465-36-0451</t>
  </si>
  <si>
    <t>0465-42-1650</t>
  </si>
  <si>
    <t>0465-42-1607</t>
  </si>
  <si>
    <t>0465-48-1777</t>
  </si>
  <si>
    <t>0465-47-3660</t>
  </si>
  <si>
    <t>0465-29-0250</t>
  </si>
  <si>
    <t>0465-42-2278</t>
  </si>
  <si>
    <t>0465-36-3236</t>
  </si>
  <si>
    <t>0465-43-0331</t>
  </si>
  <si>
    <t>0465-43-0610</t>
  </si>
  <si>
    <t>0465-48-1286</t>
  </si>
  <si>
    <t>0465-37-2800</t>
  </si>
  <si>
    <t>0465-36-8551</t>
  </si>
  <si>
    <t>0465-48-7116</t>
  </si>
  <si>
    <t>0465-34-0209</t>
  </si>
  <si>
    <t>0465-34-1736</t>
  </si>
  <si>
    <t>0465-34-9295</t>
  </si>
  <si>
    <t>0465-22-0274</t>
  </si>
  <si>
    <t>0465-47-3361</t>
  </si>
  <si>
    <t>0465-42-1640</t>
  </si>
  <si>
    <t>0465-47-9148</t>
  </si>
  <si>
    <t>0465-47-3344</t>
  </si>
  <si>
    <t>0465-36-3440</t>
  </si>
  <si>
    <t>0465-43-0250</t>
  </si>
  <si>
    <t>0465-36-9518</t>
  </si>
  <si>
    <t>0467-83-4535</t>
  </si>
  <si>
    <t>0467-85-3155</t>
  </si>
  <si>
    <t>0467-51-1243</t>
  </si>
  <si>
    <t>0467-85-1247</t>
  </si>
  <si>
    <t>0467-51-8814</t>
  </si>
  <si>
    <t>0467-83-4571</t>
  </si>
  <si>
    <t>0467-85-1125</t>
  </si>
  <si>
    <t>0467-51-3153</t>
  </si>
  <si>
    <t>0467-85-1184</t>
  </si>
  <si>
    <t>0467-52-3341</t>
  </si>
  <si>
    <t>0467-85-1180</t>
  </si>
  <si>
    <t>0467-51-1266</t>
  </si>
  <si>
    <t>0467-52-7433</t>
  </si>
  <si>
    <t>0467-85-1120</t>
  </si>
  <si>
    <t>0467-53-1241</t>
  </si>
  <si>
    <t>0467-87-1351</t>
  </si>
  <si>
    <t>0467-87-6325</t>
  </si>
  <si>
    <t>0467-88-5711</t>
  </si>
  <si>
    <t>0467-84-0031</t>
  </si>
  <si>
    <t>0467-85-1181</t>
  </si>
  <si>
    <t>0467-85-2247</t>
  </si>
  <si>
    <t>0467-52-5147</t>
  </si>
  <si>
    <t>0467-85-3167</t>
  </si>
  <si>
    <t>0467-85-1127</t>
  </si>
  <si>
    <t>0467-85-1263</t>
  </si>
  <si>
    <t>0467-51-1170</t>
  </si>
  <si>
    <t>0467-85-1262</t>
  </si>
  <si>
    <t>0467-51-8311</t>
  </si>
  <si>
    <t>0467-85-1183</t>
  </si>
  <si>
    <t>0467-53-1244</t>
  </si>
  <si>
    <t>0467-53-2011</t>
  </si>
  <si>
    <t>0467-82-9192</t>
  </si>
  <si>
    <t>046-873-2050</t>
  </si>
  <si>
    <t>046-873ｰ2052</t>
  </si>
  <si>
    <t>046-873-2054</t>
  </si>
  <si>
    <t>0467-25-1206</t>
  </si>
  <si>
    <t>046-873-2070</t>
  </si>
  <si>
    <t>046-873-2056</t>
  </si>
  <si>
    <t>046-873-2058</t>
  </si>
  <si>
    <t>046-871-5200</t>
  </si>
  <si>
    <t>046-881-6191</t>
  </si>
  <si>
    <t>046-881-6181</t>
  </si>
  <si>
    <t>046-888-0545</t>
  </si>
  <si>
    <t>046-888-0053</t>
  </si>
  <si>
    <t>046-886-1042</t>
  </si>
  <si>
    <t>046-888-3120</t>
  </si>
  <si>
    <t>046-881-6141</t>
  </si>
  <si>
    <t>046-888-2020</t>
  </si>
  <si>
    <t>046-881-5243</t>
  </si>
  <si>
    <t>046-888-0914</t>
  </si>
  <si>
    <t>046-888-1150</t>
  </si>
  <si>
    <t>0463-81-1610</t>
  </si>
  <si>
    <t>0463-81-1630</t>
  </si>
  <si>
    <t>0463-81-1620</t>
  </si>
  <si>
    <t>0463-75-1640</t>
  </si>
  <si>
    <t>0463-77-1650</t>
  </si>
  <si>
    <t>0463-88-0013</t>
  </si>
  <si>
    <t>0463-88-0274</t>
  </si>
  <si>
    <t>0463-77-5445</t>
  </si>
  <si>
    <t>0463-88-7066</t>
  </si>
  <si>
    <t>0463-82-5255</t>
  </si>
  <si>
    <t>0463-82-8400</t>
  </si>
  <si>
    <t>0463-88-4809</t>
  </si>
  <si>
    <t>0463-78-3262</t>
  </si>
  <si>
    <t>0463-81-0342</t>
  </si>
  <si>
    <t>0463-81-0113</t>
  </si>
  <si>
    <t>0463-81-0082</t>
  </si>
  <si>
    <t>0463-75-1717</t>
  </si>
  <si>
    <t>0463-77-0446</t>
  </si>
  <si>
    <t>0463-88-0022</t>
  </si>
  <si>
    <t>0463-82-8402</t>
  </si>
  <si>
    <t>0463-87-2527</t>
  </si>
  <si>
    <t>0463-78-3769</t>
  </si>
  <si>
    <t>046-221-2017</t>
  </si>
  <si>
    <t>046-245-1166</t>
  </si>
  <si>
    <t>046-245-1137</t>
  </si>
  <si>
    <t>046-241-1454</t>
  </si>
  <si>
    <t>046-241-1040</t>
  </si>
  <si>
    <t>046-221-4210</t>
  </si>
  <si>
    <t>046-241-1452</t>
  </si>
  <si>
    <t>046-248-0015</t>
  </si>
  <si>
    <t>046-248-1679</t>
  </si>
  <si>
    <t>046-228-2610</t>
  </si>
  <si>
    <t>046-228-0690</t>
  </si>
  <si>
    <t>046-221-2368</t>
  </si>
  <si>
    <t>046-224-7888</t>
  </si>
  <si>
    <t>046-247-9371</t>
  </si>
  <si>
    <t>046-224-5911</t>
  </si>
  <si>
    <t>046-241-7312</t>
  </si>
  <si>
    <t>046-247-9351</t>
  </si>
  <si>
    <t>046-241-0861</t>
  </si>
  <si>
    <t>046-241-2851</t>
  </si>
  <si>
    <t>046-248-3611</t>
  </si>
  <si>
    <t>046-245-4611</t>
  </si>
  <si>
    <t>046-228-9805</t>
  </si>
  <si>
    <t>046-246-2884</t>
  </si>
  <si>
    <t>046-221-3227</t>
  </si>
  <si>
    <t>046-245-1167</t>
  </si>
  <si>
    <t>046-241-1710</t>
  </si>
  <si>
    <t>046-241-1450</t>
  </si>
  <si>
    <t>046-241-1428</t>
  </si>
  <si>
    <t>046-248-0329</t>
  </si>
  <si>
    <t>046-221-4340</t>
  </si>
  <si>
    <t>046-228-4052</t>
  </si>
  <si>
    <t>046-224-4933</t>
  </si>
  <si>
    <t>046-245-3371</t>
  </si>
  <si>
    <t>046-248-0727</t>
  </si>
  <si>
    <t>046-221-5956</t>
  </si>
  <si>
    <t>046-229-5516</t>
  </si>
  <si>
    <t>046-274-1171</t>
  </si>
  <si>
    <t>046-274-3218</t>
  </si>
  <si>
    <t>046-261-0795</t>
  </si>
  <si>
    <t>046-261-1378</t>
  </si>
  <si>
    <t>046-261-1370</t>
  </si>
  <si>
    <t>046-267-2349</t>
  </si>
  <si>
    <t>046-267-3344</t>
  </si>
  <si>
    <t>046-274-8428</t>
  </si>
  <si>
    <t>046-274-4368</t>
  </si>
  <si>
    <t>046-267-3352</t>
  </si>
  <si>
    <t>046-263-4401</t>
  </si>
  <si>
    <t>046-275-3141</t>
  </si>
  <si>
    <t>046-267-0951</t>
  </si>
  <si>
    <t>046-263-2540</t>
  </si>
  <si>
    <t>046-269-1021</t>
  </si>
  <si>
    <t>046-263-2525</t>
  </si>
  <si>
    <t>046-263-6260</t>
  </si>
  <si>
    <t>046-276-2821</t>
  </si>
  <si>
    <t>046-261-9552</t>
  </si>
  <si>
    <t>046-261-0892</t>
  </si>
  <si>
    <t>046-261-1120</t>
  </si>
  <si>
    <t>046-267-1104</t>
  </si>
  <si>
    <t>046-274-1728</t>
  </si>
  <si>
    <t>046-274-8903</t>
  </si>
  <si>
    <t>046-267-0535</t>
  </si>
  <si>
    <t>046-269-1165</t>
  </si>
  <si>
    <t>046-276-2500</t>
  </si>
  <si>
    <t>046-269-8281</t>
  </si>
  <si>
    <t>0463-95-2519</t>
  </si>
  <si>
    <t>0463-95ｰ2014</t>
  </si>
  <si>
    <t>0463-95-2569</t>
  </si>
  <si>
    <t>0463-95-2307</t>
  </si>
  <si>
    <t>0463-95-2360</t>
  </si>
  <si>
    <t>0463-95-1064</t>
  </si>
  <si>
    <t>0463-95-2787</t>
  </si>
  <si>
    <t>0463-93-4717</t>
  </si>
  <si>
    <t>0463-93-4718</t>
  </si>
  <si>
    <t>0463-92-8111</t>
  </si>
  <si>
    <t>0463-95-2362</t>
  </si>
  <si>
    <t>0463-95-1309</t>
  </si>
  <si>
    <t>0463-95-2539</t>
  </si>
  <si>
    <t>0463-94-5756</t>
  </si>
  <si>
    <t>046-231-2019</t>
  </si>
  <si>
    <t>046-231-1630</t>
  </si>
  <si>
    <t>046-231-2159</t>
  </si>
  <si>
    <t>046-238-2010</t>
  </si>
  <si>
    <t>046-231-7370</t>
  </si>
  <si>
    <t>046-232-3755</t>
  </si>
  <si>
    <t>046-231-1452</t>
  </si>
  <si>
    <t>046-238-0810</t>
  </si>
  <si>
    <t>046-232-3716</t>
  </si>
  <si>
    <t>046-238-1453</t>
  </si>
  <si>
    <t>046-238-4508</t>
  </si>
  <si>
    <t>046-232-2295</t>
  </si>
  <si>
    <t>046-233-6451</t>
  </si>
  <si>
    <t>046-231-3410</t>
  </si>
  <si>
    <t>046-238-3365</t>
  </si>
  <si>
    <t>046-232-8103</t>
  </si>
  <si>
    <t>046-233-0917</t>
  </si>
  <si>
    <t>046-233-3233</t>
  </si>
  <si>
    <t>046-233-6341</t>
  </si>
  <si>
    <t>046-251-0009</t>
  </si>
  <si>
    <t>046-251-0074</t>
  </si>
  <si>
    <t>046-251-0625</t>
  </si>
  <si>
    <t>046-251-6446</t>
  </si>
  <si>
    <t>046-252-1124</t>
  </si>
  <si>
    <t>046-253-3145</t>
  </si>
  <si>
    <t>046-254-8202</t>
  </si>
  <si>
    <t>046-254-8100</t>
  </si>
  <si>
    <t>046-253-7211</t>
  </si>
  <si>
    <t>046-253-2255</t>
  </si>
  <si>
    <t>046-251-3882</t>
  </si>
  <si>
    <t>046-251-0135</t>
  </si>
  <si>
    <t>046-251-2277</t>
  </si>
  <si>
    <t>046-253-3357</t>
  </si>
  <si>
    <t>046-254-9977</t>
  </si>
  <si>
    <t>046-253-2183</t>
  </si>
  <si>
    <t>046-256-0700</t>
  </si>
  <si>
    <t>0465-74-2411</t>
  </si>
  <si>
    <t>0465-74-2413</t>
  </si>
  <si>
    <t>0465-74-2412</t>
  </si>
  <si>
    <t>0465-74-9211</t>
  </si>
  <si>
    <t>0465-74-9330</t>
  </si>
  <si>
    <t>0465-74-2416</t>
  </si>
  <si>
    <t>0465-74-7511</t>
  </si>
  <si>
    <t>0467-78-0004</t>
  </si>
  <si>
    <t>0467-78-0452</t>
  </si>
  <si>
    <t>0467-78-2376</t>
  </si>
  <si>
    <t>0467-78-8525</t>
  </si>
  <si>
    <t>0467-78-2840</t>
  </si>
  <si>
    <t>0467-78-5688</t>
  </si>
  <si>
    <t>0467-77-5807</t>
  </si>
  <si>
    <t>0467-77-6133</t>
  </si>
  <si>
    <t>0467-77-2002</t>
  </si>
  <si>
    <t>0467-77-8401</t>
  </si>
  <si>
    <t>0467-78-0024</t>
  </si>
  <si>
    <t>0467-78-8566</t>
  </si>
  <si>
    <t>0467-77-6134</t>
  </si>
  <si>
    <t>0467-77-8430</t>
  </si>
  <si>
    <t>0467-76-8661</t>
  </si>
  <si>
    <t>046-875-0062</t>
  </si>
  <si>
    <t>046-878-7529</t>
  </si>
  <si>
    <t>046-875-6860</t>
  </si>
  <si>
    <t>046-875-9221</t>
  </si>
  <si>
    <t>046-875-1346</t>
  </si>
  <si>
    <t>046-875-9494</t>
  </si>
  <si>
    <t>0467-75-0032</t>
  </si>
  <si>
    <t>0467-75-0058</t>
  </si>
  <si>
    <t>0467-75-0359</t>
  </si>
  <si>
    <t>0467-75-3671</t>
  </si>
  <si>
    <t>0467-74-7444</t>
  </si>
  <si>
    <t>0467-75-0051</t>
  </si>
  <si>
    <t>0467-74-0332</t>
  </si>
  <si>
    <t>0463-61-0140</t>
  </si>
  <si>
    <t>0463-71-0400</t>
  </si>
  <si>
    <t>0463-73-0623</t>
  </si>
  <si>
    <t>0463-61-0073</t>
  </si>
  <si>
    <t>0463-71-0410</t>
  </si>
  <si>
    <t>0463-71ｰ0157</t>
  </si>
  <si>
    <t>0463-71-1543</t>
  </si>
  <si>
    <t>0463-72-3777</t>
  </si>
  <si>
    <t>0463-71-0269</t>
  </si>
  <si>
    <t>0463-71-3116</t>
  </si>
  <si>
    <t>0465-81-1116</t>
  </si>
  <si>
    <t>0465-81-1123</t>
  </si>
  <si>
    <t>0465-81-0226</t>
  </si>
  <si>
    <t>0465-82-0918</t>
  </si>
  <si>
    <t>0465-82-1611</t>
  </si>
  <si>
    <t>0465-83-1151</t>
  </si>
  <si>
    <t>0465-82-2541</t>
  </si>
  <si>
    <t>0465-82-0371</t>
  </si>
  <si>
    <t>0465-89-2201</t>
  </si>
  <si>
    <t>0465-82-2261</t>
  </si>
  <si>
    <t>0465-75-1142</t>
  </si>
  <si>
    <t>0465-75-0755</t>
  </si>
  <si>
    <t>0465-83-1616</t>
  </si>
  <si>
    <t>0465-83-2250</t>
  </si>
  <si>
    <t>0465-83-1386</t>
  </si>
  <si>
    <t>0460-85-5414</t>
  </si>
  <si>
    <t>0460-82-3038</t>
  </si>
  <si>
    <t>0460-84ｰ8049</t>
  </si>
  <si>
    <t>0465-68-0261</t>
  </si>
  <si>
    <t>0465-68-2195</t>
  </si>
  <si>
    <t>0465-62-5501</t>
  </si>
  <si>
    <t>0465-62-8287</t>
  </si>
  <si>
    <t>0465-62-3536</t>
  </si>
  <si>
    <t>0465-62-3393</t>
  </si>
  <si>
    <t>046-285-0082</t>
  </si>
  <si>
    <t>046-281-0389</t>
  </si>
  <si>
    <t>046-281-0047</t>
  </si>
  <si>
    <t>046-281-0144</t>
  </si>
  <si>
    <t>046-285-2960</t>
  </si>
  <si>
    <t>046-285-2794</t>
  </si>
  <si>
    <t>046-285-0029</t>
  </si>
  <si>
    <t>046-281-0094</t>
  </si>
  <si>
    <t>046-286-2710</t>
  </si>
  <si>
    <t>046-288-1003</t>
  </si>
  <si>
    <t>046-288-1343</t>
  </si>
  <si>
    <t>046-288-1241</t>
  </si>
  <si>
    <t>046-288-1354</t>
  </si>
  <si>
    <t>045-585-9437</t>
  </si>
  <si>
    <t>045-581-9387</t>
  </si>
  <si>
    <t>045-507-0046</t>
  </si>
  <si>
    <t>045-585-9452</t>
  </si>
  <si>
    <t>045-585-9453</t>
  </si>
  <si>
    <t>045-507-0048</t>
  </si>
  <si>
    <t>045-585-9469</t>
  </si>
  <si>
    <t>045-507-0054</t>
  </si>
  <si>
    <t>045-507-0056</t>
  </si>
  <si>
    <t>045-507-0058</t>
  </si>
  <si>
    <t>045-507-0059</t>
  </si>
  <si>
    <t>045-585-9473</t>
  </si>
  <si>
    <t>045-585-9476</t>
  </si>
  <si>
    <t>045-585-9479</t>
  </si>
  <si>
    <t>045-585-9484</t>
  </si>
  <si>
    <t>045-585-9486</t>
  </si>
  <si>
    <t>045-507-0073</t>
  </si>
  <si>
    <t>045-585-9489</t>
  </si>
  <si>
    <t>045-585-9491</t>
  </si>
  <si>
    <t>045-585-9492</t>
  </si>
  <si>
    <t>045-585-9493</t>
  </si>
  <si>
    <t>045-583-8917</t>
  </si>
  <si>
    <t>045-431-0198</t>
  </si>
  <si>
    <t>045-320-0912</t>
  </si>
  <si>
    <t>045-441-9895</t>
  </si>
  <si>
    <t>045-491-9830</t>
  </si>
  <si>
    <t>045-491-7983</t>
  </si>
  <si>
    <t>045-431-0291</t>
  </si>
  <si>
    <t>045-441-9896</t>
  </si>
  <si>
    <t>045-320-0927</t>
  </si>
  <si>
    <t>045-431-0234</t>
  </si>
  <si>
    <t>045-491-7821</t>
  </si>
  <si>
    <t>045-431-0179</t>
  </si>
  <si>
    <t>045-431-4528</t>
  </si>
  <si>
    <t>045-491-7648</t>
  </si>
  <si>
    <t>045-431-0326</t>
  </si>
  <si>
    <t>045-491-7589</t>
  </si>
  <si>
    <t>045-381-7219</t>
  </si>
  <si>
    <t>045-481-9775</t>
  </si>
  <si>
    <t>045-262-5016</t>
  </si>
  <si>
    <t>045-262-5017</t>
  </si>
  <si>
    <t>045-322-8251</t>
  </si>
  <si>
    <t>045-311-4958</t>
  </si>
  <si>
    <t>045-262-5051</t>
  </si>
  <si>
    <t>045-320-0934</t>
  </si>
  <si>
    <t>045-262-5062</t>
  </si>
  <si>
    <t>045-311-9928</t>
  </si>
  <si>
    <t>045-622-4392</t>
  </si>
  <si>
    <t>045-662-5842</t>
  </si>
  <si>
    <t>045-262-5065</t>
  </si>
  <si>
    <t>045-622-4659</t>
  </si>
  <si>
    <t>045-622-4694</t>
  </si>
  <si>
    <t>045-663-2592</t>
  </si>
  <si>
    <t>045-622-5949</t>
  </si>
  <si>
    <t>045-622-8398</t>
  </si>
  <si>
    <t>045-622-8486</t>
  </si>
  <si>
    <t>045-262-5068</t>
  </si>
  <si>
    <t>045-713-3563</t>
  </si>
  <si>
    <t>045-262-5077</t>
  </si>
  <si>
    <t>045-262-5081</t>
  </si>
  <si>
    <t>045-262-5086</t>
  </si>
  <si>
    <t>045-713-8129</t>
  </si>
  <si>
    <t>045-713-7957</t>
  </si>
  <si>
    <t>045-713-3596</t>
  </si>
  <si>
    <t>045-262-5102</t>
  </si>
  <si>
    <t>045-713-7954</t>
  </si>
  <si>
    <t>045-713-7949</t>
  </si>
  <si>
    <t>045-713-7945</t>
  </si>
  <si>
    <t>045-713-7916</t>
  </si>
  <si>
    <t>045-713-3631</t>
  </si>
  <si>
    <t>045-713-3662</t>
  </si>
  <si>
    <t>045-713-4059</t>
  </si>
  <si>
    <t>045-743-2394</t>
  </si>
  <si>
    <t>045-842-9213</t>
  </si>
  <si>
    <t>045-842-9143</t>
  </si>
  <si>
    <t>045-842-5463</t>
  </si>
  <si>
    <t>045-842-5425</t>
  </si>
  <si>
    <t>045-842-4362</t>
  </si>
  <si>
    <t>045-826-0653</t>
  </si>
  <si>
    <t>045-842-3424</t>
  </si>
  <si>
    <t>045-826-0695</t>
  </si>
  <si>
    <t>045-842-2498</t>
  </si>
  <si>
    <t>045-826-0946</t>
  </si>
  <si>
    <t>045-841-8793</t>
  </si>
  <si>
    <t>045-832-7771</t>
  </si>
  <si>
    <t>045-845-9476</t>
  </si>
  <si>
    <t>045-841-6981</t>
  </si>
  <si>
    <t>045-841-6589</t>
  </si>
  <si>
    <t>045-826-1003</t>
  </si>
  <si>
    <t>045-833-9742</t>
  </si>
  <si>
    <t>045-833-9204</t>
  </si>
  <si>
    <t>045-844-4938</t>
  </si>
  <si>
    <t>045-833-9042</t>
  </si>
  <si>
    <t>045-842-1661</t>
  </si>
  <si>
    <t>045-331-5052</t>
  </si>
  <si>
    <t>045-332-7097</t>
  </si>
  <si>
    <t>045-381-7248</t>
  </si>
  <si>
    <t>045-351-7296</t>
  </si>
  <si>
    <t>045-331-5109</t>
  </si>
  <si>
    <t>045-331-5226</t>
  </si>
  <si>
    <t>045-331-5343</t>
  </si>
  <si>
    <t>045-713-4034</t>
  </si>
  <si>
    <t>045-331-5418</t>
  </si>
  <si>
    <t>045-331-5429</t>
  </si>
  <si>
    <t>045-351-7304</t>
  </si>
  <si>
    <t>045-331-5554</t>
  </si>
  <si>
    <t>045-381-7331</t>
  </si>
  <si>
    <t>045-381-7372</t>
  </si>
  <si>
    <t>045-331-5582</t>
  </si>
  <si>
    <t>045-351-7349</t>
  </si>
  <si>
    <t>045-713-9749</t>
  </si>
  <si>
    <t>045-743-2415</t>
  </si>
  <si>
    <t>045-364-5159</t>
  </si>
  <si>
    <t>045-381-7402</t>
  </si>
  <si>
    <t>045-951-1206</t>
  </si>
  <si>
    <t>045-951-1211</t>
  </si>
  <si>
    <t>045-391-0118</t>
  </si>
  <si>
    <t>045-381-7405</t>
  </si>
  <si>
    <t>045-363-8060</t>
  </si>
  <si>
    <t>045-351-7364</t>
  </si>
  <si>
    <t>045-951-1240</t>
  </si>
  <si>
    <t>045-364-8257</t>
  </si>
  <si>
    <t>045-922-6512</t>
  </si>
  <si>
    <t>045-361-0787</t>
  </si>
  <si>
    <t>045-362-0401</t>
  </si>
  <si>
    <t>045-361-6969</t>
  </si>
  <si>
    <t>045-951-1264</t>
  </si>
  <si>
    <t>045-951-1269</t>
  </si>
  <si>
    <t>045-951-1291</t>
  </si>
  <si>
    <t>045-951-1294</t>
  </si>
  <si>
    <t>045-352-6403</t>
  </si>
  <si>
    <t>045-364-9705</t>
  </si>
  <si>
    <t>045-364-5164</t>
  </si>
  <si>
    <t>045-951-1311</t>
  </si>
  <si>
    <t>045-922-6096</t>
  </si>
  <si>
    <t>045-351-7398</t>
  </si>
  <si>
    <t>045-753-4394</t>
  </si>
  <si>
    <t>045-772-4796</t>
  </si>
  <si>
    <t>045-755-0649</t>
  </si>
  <si>
    <t>045-761-9392</t>
  </si>
  <si>
    <t>045-761-9409</t>
  </si>
  <si>
    <t>045-761-9413</t>
  </si>
  <si>
    <t>045-772-4862</t>
  </si>
  <si>
    <t>045-754-6397</t>
  </si>
  <si>
    <t>045-754-6409</t>
  </si>
  <si>
    <t>045-834-3925</t>
  </si>
  <si>
    <t>045-834-3895</t>
  </si>
  <si>
    <t>045-772-4875</t>
  </si>
  <si>
    <t>045-834-3892</t>
  </si>
  <si>
    <t>045-834-3843</t>
  </si>
  <si>
    <t>045-754-6429</t>
  </si>
  <si>
    <t>045-754-6467</t>
  </si>
  <si>
    <t>045-701-1046</t>
  </si>
  <si>
    <t>045-701-4603</t>
  </si>
  <si>
    <t>045-701-4794</t>
  </si>
  <si>
    <t>045-772-9542</t>
  </si>
  <si>
    <t>045-701-4796</t>
  </si>
  <si>
    <t>045-701-4870</t>
  </si>
  <si>
    <t>045-701-4873</t>
  </si>
  <si>
    <t>045-701-4892</t>
  </si>
  <si>
    <t>045-701-5014</t>
  </si>
  <si>
    <t>045-773-6794</t>
  </si>
  <si>
    <t>045-701-8042</t>
  </si>
  <si>
    <t>045-701-9816</t>
  </si>
  <si>
    <t>045-773-6948</t>
  </si>
  <si>
    <t>045-701-9817</t>
  </si>
  <si>
    <t>045-773-9014</t>
  </si>
  <si>
    <t>045-701-9890</t>
  </si>
  <si>
    <t>045-773-9029</t>
  </si>
  <si>
    <t>045-783-6049</t>
  </si>
  <si>
    <t>045-773-9347</t>
  </si>
  <si>
    <t>045-783-6984</t>
  </si>
  <si>
    <t>045-785-3420</t>
  </si>
  <si>
    <t>045-561-8094</t>
  </si>
  <si>
    <t>045-591-2169</t>
  </si>
  <si>
    <t>045-591-0946</t>
  </si>
  <si>
    <t>045-541-3646</t>
  </si>
  <si>
    <t>045-471-7498</t>
  </si>
  <si>
    <t>045-431-3319</t>
  </si>
  <si>
    <t>045-542-4039</t>
  </si>
  <si>
    <t>045-431-1563</t>
  </si>
  <si>
    <t>045-431-9538</t>
  </si>
  <si>
    <t>045-561-8394</t>
  </si>
  <si>
    <t>045-541-0949</t>
  </si>
  <si>
    <t>045-561-8459</t>
  </si>
  <si>
    <t>045-431-0413</t>
  </si>
  <si>
    <t>045-541-5254</t>
  </si>
  <si>
    <t>045-541-3209</t>
  </si>
  <si>
    <t>045-541-0974</t>
  </si>
  <si>
    <t>045-561-8945</t>
  </si>
  <si>
    <t>045-561-8589</t>
  </si>
  <si>
    <t>045-541-4419</t>
  </si>
  <si>
    <t>045-541-2198</t>
  </si>
  <si>
    <t>045-543-2915</t>
  </si>
  <si>
    <t>045-542-4409</t>
  </si>
  <si>
    <t>045-592-5394</t>
  </si>
  <si>
    <t>045-543-4197</t>
  </si>
  <si>
    <t>045-472-9582</t>
  </si>
  <si>
    <t>045-932-6292</t>
  </si>
  <si>
    <t>045-983-1493</t>
  </si>
  <si>
    <t>045-934-3498</t>
  </si>
  <si>
    <t>045-934-2985</t>
  </si>
  <si>
    <t>045-934-4289</t>
  </si>
  <si>
    <t>045-983-1694</t>
  </si>
  <si>
    <t>045-937-0429</t>
  </si>
  <si>
    <t>045-931-9249</t>
  </si>
  <si>
    <t>045-983-5502</t>
  </si>
  <si>
    <t>045-472-9550</t>
  </si>
  <si>
    <t>045-937-0894</t>
  </si>
  <si>
    <t>045-937-0968</t>
  </si>
  <si>
    <t>045-983-5876</t>
  </si>
  <si>
    <t>045-931-8663</t>
  </si>
  <si>
    <t>045-929-1487</t>
  </si>
  <si>
    <t>045-971-6458</t>
  </si>
  <si>
    <t>045-972-2896</t>
  </si>
  <si>
    <t>045-981-9743</t>
  </si>
  <si>
    <t>045-913-1372</t>
  </si>
  <si>
    <t>045-961-1409</t>
  </si>
  <si>
    <t>045-983-4548</t>
  </si>
  <si>
    <t>045-902-0842</t>
  </si>
  <si>
    <t>045-983-4919</t>
  </si>
  <si>
    <t>045-983-5284</t>
  </si>
  <si>
    <t>045-973-9624</t>
  </si>
  <si>
    <t>045-904-4509</t>
  </si>
  <si>
    <t>045-972-4266</t>
  </si>
  <si>
    <t>045-972-5348</t>
  </si>
  <si>
    <t>045-904-4906</t>
  </si>
  <si>
    <t>045-972-5495</t>
  </si>
  <si>
    <t>045-904-1338</t>
  </si>
  <si>
    <t>045-904-1076</t>
  </si>
  <si>
    <t>045-904-4254</t>
  </si>
  <si>
    <t>045-961-1469</t>
  </si>
  <si>
    <t>045-972-5728</t>
  </si>
  <si>
    <t>045-961-1549</t>
  </si>
  <si>
    <t>045-904-1341</t>
  </si>
  <si>
    <t>045-961-6014</t>
  </si>
  <si>
    <t>045-912-4892</t>
  </si>
  <si>
    <t>045-972-6874</t>
  </si>
  <si>
    <t>045-913-0122</t>
  </si>
  <si>
    <t>045-961-7175</t>
  </si>
  <si>
    <t>045-962-5426</t>
  </si>
  <si>
    <t>045-972-0722</t>
  </si>
  <si>
    <t>045-902-0452</t>
  </si>
  <si>
    <t>045-591-8064</t>
  </si>
  <si>
    <t>045-942-8942</t>
  </si>
  <si>
    <t>045-934-4423</t>
  </si>
  <si>
    <t>045-942-4970</t>
  </si>
  <si>
    <t>045-592-9542</t>
  </si>
  <si>
    <t>045-592-9642</t>
  </si>
  <si>
    <t>045-913-1461</t>
  </si>
  <si>
    <t>045-592-9769</t>
  </si>
  <si>
    <t>045-937-0964</t>
  </si>
  <si>
    <t>045-942-9464</t>
  </si>
  <si>
    <t>045-942-8792</t>
  </si>
  <si>
    <t>045-942-9742</t>
  </si>
  <si>
    <t>045-912-3795</t>
  </si>
  <si>
    <t>045-942-9941</t>
  </si>
  <si>
    <t>045-942-9943</t>
  </si>
  <si>
    <t>045-592-0066</t>
  </si>
  <si>
    <t>045-913-6875</t>
  </si>
  <si>
    <t>045-593-9493</t>
  </si>
  <si>
    <t>045-944-3463</t>
  </si>
  <si>
    <t>045-594-4853</t>
  </si>
  <si>
    <t>045-943-0804</t>
  </si>
  <si>
    <t>045-912-5785</t>
  </si>
  <si>
    <t>045-881-9804</t>
  </si>
  <si>
    <t>045-811-5961</t>
  </si>
  <si>
    <t>045-851-2093</t>
  </si>
  <si>
    <t>045-861-3538</t>
  </si>
  <si>
    <t>045-861-2059</t>
  </si>
  <si>
    <t>045-826-1050</t>
  </si>
  <si>
    <t>045-826-1175</t>
  </si>
  <si>
    <t>045-826-1808</t>
  </si>
  <si>
    <t>045-853-0218</t>
  </si>
  <si>
    <t>045-862-2106</t>
  </si>
  <si>
    <t>045-862-1351</t>
  </si>
  <si>
    <t>045-826-2005</t>
  </si>
  <si>
    <t>045-853-0314</t>
  </si>
  <si>
    <t>045-853-1026</t>
  </si>
  <si>
    <t>045-861-6039</t>
  </si>
  <si>
    <t>045-812-2165</t>
  </si>
  <si>
    <t>045-826-2007</t>
  </si>
  <si>
    <t>045-861-5212</t>
  </si>
  <si>
    <t>045-826-2030</t>
  </si>
  <si>
    <t>045-812-6029</t>
  </si>
  <si>
    <t>045-826-2183</t>
  </si>
  <si>
    <t>045-812-2915</t>
  </si>
  <si>
    <t>045-852-0293</t>
  </si>
  <si>
    <t>045-826-2227</t>
  </si>
  <si>
    <t>045-862-1445</t>
  </si>
  <si>
    <t>045-826-2251</t>
  </si>
  <si>
    <t>045-862-3832</t>
  </si>
  <si>
    <t>045-862-2041</t>
  </si>
  <si>
    <t>045-893-4598</t>
  </si>
  <si>
    <t>045-894-9745</t>
  </si>
  <si>
    <t>045-853-0782</t>
  </si>
  <si>
    <t>045-861-8217</t>
  </si>
  <si>
    <t>045-894-9384</t>
  </si>
  <si>
    <t>045-894-6795</t>
  </si>
  <si>
    <t>045-895-6193</t>
  </si>
  <si>
    <t>045-894-2145</t>
  </si>
  <si>
    <t>045-895-4199</t>
  </si>
  <si>
    <t>045-895-6947</t>
  </si>
  <si>
    <t>045-895-5692</t>
  </si>
  <si>
    <t>045-891-9549</t>
  </si>
  <si>
    <t>045-892-9276</t>
  </si>
  <si>
    <t>045-801-2743</t>
  </si>
  <si>
    <t>045-812-4586</t>
  </si>
  <si>
    <t>045-801-2744</t>
  </si>
  <si>
    <t>045-801-2753</t>
  </si>
  <si>
    <t>045-801-2758</t>
  </si>
  <si>
    <t>045-801-4089</t>
  </si>
  <si>
    <t>045-812-4071</t>
  </si>
  <si>
    <t>045-801-7967</t>
  </si>
  <si>
    <t>045-804-2602</t>
  </si>
  <si>
    <t>045-804-4592</t>
  </si>
  <si>
    <t>045-804-7936</t>
  </si>
  <si>
    <t>045-805-4096</t>
  </si>
  <si>
    <t>045-814-3372</t>
  </si>
  <si>
    <t>045-805-4017</t>
  </si>
  <si>
    <t>045-301-1054</t>
  </si>
  <si>
    <t>045-362-2133</t>
  </si>
  <si>
    <t>045-301-0079</t>
  </si>
  <si>
    <t>045-391-5046</t>
  </si>
  <si>
    <t>045-301-0106</t>
  </si>
  <si>
    <t>045-364-5144</t>
  </si>
  <si>
    <t>045-301-0405</t>
  </si>
  <si>
    <t>045-301-0364</t>
  </si>
  <si>
    <t>045-302-5671</t>
  </si>
  <si>
    <t>045-303-0864</t>
  </si>
  <si>
    <t>045-364-2618</t>
  </si>
  <si>
    <t>045-507-0074</t>
  </si>
  <si>
    <t>045-507-0079</t>
  </si>
  <si>
    <t>045-585-9497</t>
  </si>
  <si>
    <t>045-507-0083</t>
  </si>
  <si>
    <t>045-585-9499</t>
  </si>
  <si>
    <t>045-585-9904</t>
  </si>
  <si>
    <t>045-507-0084</t>
  </si>
  <si>
    <t>045-585-9906</t>
  </si>
  <si>
    <t>045-585-9914</t>
  </si>
  <si>
    <t>045-431-2461</t>
  </si>
  <si>
    <t>045-481-4373</t>
  </si>
  <si>
    <t>045-481-2997</t>
  </si>
  <si>
    <t>045-431-4373</t>
  </si>
  <si>
    <t>045-320-1034</t>
  </si>
  <si>
    <t>045-431-0244</t>
  </si>
  <si>
    <t>045-472-3351</t>
  </si>
  <si>
    <t>045-253-7068</t>
  </si>
  <si>
    <t>045-311-9968</t>
  </si>
  <si>
    <t>045-253-7073</t>
  </si>
  <si>
    <t>045-312-4849</t>
  </si>
  <si>
    <t>045-663-2549</t>
  </si>
  <si>
    <t>045-622-7549</t>
  </si>
  <si>
    <t>045-622-8654</t>
  </si>
  <si>
    <t>045-623-0129</t>
  </si>
  <si>
    <t>045-253-7085</t>
  </si>
  <si>
    <t>045-713-9794</t>
  </si>
  <si>
    <t>045-252-3692</t>
  </si>
  <si>
    <t>045-713-9743</t>
  </si>
  <si>
    <t>045-713-9729</t>
  </si>
  <si>
    <t>045-713-9742</t>
  </si>
  <si>
    <t>045-713-8492</t>
  </si>
  <si>
    <t>045-713-8149</t>
  </si>
  <si>
    <t>045-713-7994</t>
  </si>
  <si>
    <t>045-848-2694</t>
  </si>
  <si>
    <t>045-847-3496</t>
  </si>
  <si>
    <t>045-847-3098</t>
  </si>
  <si>
    <t>045-835-2096</t>
  </si>
  <si>
    <t>045-826-3010</t>
  </si>
  <si>
    <t>045-847-1229</t>
  </si>
  <si>
    <t>045-835-2042</t>
  </si>
  <si>
    <t>045-826-3113</t>
  </si>
  <si>
    <t>045-822-2876</t>
  </si>
  <si>
    <t>045-331-5593</t>
  </si>
  <si>
    <t>045-331-5612</t>
  </si>
  <si>
    <t>045-331-5718</t>
  </si>
  <si>
    <t>045-713-4022</t>
  </si>
  <si>
    <t>045-381-7412</t>
  </si>
  <si>
    <t>045-381-7424</t>
  </si>
  <si>
    <t>045-381-7429</t>
  </si>
  <si>
    <t>045-331-5725</t>
  </si>
  <si>
    <t>045-951-1321</t>
  </si>
  <si>
    <t>045-391-5537</t>
  </si>
  <si>
    <t>045-391-0377</t>
  </si>
  <si>
    <t>045-951-1327</t>
  </si>
  <si>
    <t>045-351-7049</t>
  </si>
  <si>
    <t>045-951-1338</t>
  </si>
  <si>
    <t>045-364-5117</t>
  </si>
  <si>
    <t>045-364-5183</t>
  </si>
  <si>
    <t>045-951-1346</t>
  </si>
  <si>
    <t>045-381-7434</t>
  </si>
  <si>
    <t>045-922-5961</t>
  </si>
  <si>
    <t>045-951-1354</t>
  </si>
  <si>
    <t>045-754-6494</t>
  </si>
  <si>
    <t>045-773-9427</t>
  </si>
  <si>
    <t>045-754-6579</t>
  </si>
  <si>
    <t>045-754-6593</t>
  </si>
  <si>
    <t>045-835-0491</t>
  </si>
  <si>
    <t>045-835-0409</t>
  </si>
  <si>
    <t>045-754-6719</t>
  </si>
  <si>
    <t>045-783-9689</t>
  </si>
  <si>
    <t>045-783-9709</t>
  </si>
  <si>
    <t>045-783-9719</t>
  </si>
  <si>
    <t>045-783-9738</t>
  </si>
  <si>
    <t>045-773-9429</t>
  </si>
  <si>
    <t>045-773-9439</t>
  </si>
  <si>
    <t>045-783-9756</t>
  </si>
  <si>
    <t>045-783-9762</t>
  </si>
  <si>
    <t>045-773-9487</t>
  </si>
  <si>
    <t>045-471-2880</t>
  </si>
  <si>
    <t>045-542-2940</t>
  </si>
  <si>
    <t>045-561-9054</t>
  </si>
  <si>
    <t>045-541-3440</t>
  </si>
  <si>
    <t>045-431-2444</t>
  </si>
  <si>
    <t>045-541-5907</t>
  </si>
  <si>
    <t>045-561-9096</t>
  </si>
  <si>
    <t>045-541-1038</t>
  </si>
  <si>
    <t>045-591-2194</t>
  </si>
  <si>
    <t>045-983-6034</t>
  </si>
  <si>
    <t>045-934-4676</t>
  </si>
  <si>
    <t>045-983-6432</t>
  </si>
  <si>
    <t>045-934-8739</t>
  </si>
  <si>
    <t>045-934-9295</t>
  </si>
  <si>
    <t>045-904-1529</t>
  </si>
  <si>
    <t>045-973-9242</t>
  </si>
  <si>
    <t>045-983-7103</t>
  </si>
  <si>
    <t>045-972-9812</t>
  </si>
  <si>
    <t>045-904-1623</t>
  </si>
  <si>
    <t>045-904-2439</t>
  </si>
  <si>
    <t>045-961-6017</t>
  </si>
  <si>
    <t>045-974-4293</t>
  </si>
  <si>
    <t>045-972-7427</t>
  </si>
  <si>
    <t>045-904-4054</t>
  </si>
  <si>
    <t>045-961-1495</t>
  </si>
  <si>
    <t>045-973-1645</t>
  </si>
  <si>
    <t>045-985-5015</t>
  </si>
  <si>
    <t>045-942-9298</t>
  </si>
  <si>
    <t>045-593-5942</t>
  </si>
  <si>
    <t>045-942-9965</t>
  </si>
  <si>
    <t>045-942-9216</t>
  </si>
  <si>
    <t>045-942-8509</t>
  </si>
  <si>
    <t>045-913-0126</t>
  </si>
  <si>
    <t>045-590-3780</t>
  </si>
  <si>
    <t>045-593-8824</t>
  </si>
  <si>
    <t>045-854-2691</t>
  </si>
  <si>
    <t>045-862-1903</t>
  </si>
  <si>
    <t>045-826-3308</t>
  </si>
  <si>
    <t>045-826-3826</t>
  </si>
  <si>
    <t>045-861-8693</t>
  </si>
  <si>
    <t>045-800-0970</t>
  </si>
  <si>
    <t>045-813-0294</t>
  </si>
  <si>
    <t>045-853-0905</t>
  </si>
  <si>
    <t>045-813-9438</t>
  </si>
  <si>
    <t>045-826-3991</t>
  </si>
  <si>
    <t>045-853-2328</t>
  </si>
  <si>
    <t>045-892-9241</t>
  </si>
  <si>
    <t>045-892-2976</t>
  </si>
  <si>
    <t>045-892-2695</t>
  </si>
  <si>
    <t>045-893-9421</t>
  </si>
  <si>
    <t>045-893-9034</t>
  </si>
  <si>
    <t>045-893-4638</t>
  </si>
  <si>
    <t>045-812-9104</t>
  </si>
  <si>
    <t>045-805-4403</t>
  </si>
  <si>
    <t>045-805-4685</t>
  </si>
  <si>
    <t>045-805-4698</t>
  </si>
  <si>
    <t>045-803-5649</t>
  </si>
  <si>
    <t>045-803-5895</t>
  </si>
  <si>
    <t>045-812-9645</t>
  </si>
  <si>
    <t>045-301-0099</t>
  </si>
  <si>
    <t>045-391-0471</t>
  </si>
  <si>
    <t>045-301-5125</t>
  </si>
  <si>
    <t>045-302-1115</t>
  </si>
  <si>
    <t>045-301-4592</t>
  </si>
  <si>
    <t>045-585-5780</t>
  </si>
  <si>
    <t>045-663-2495</t>
  </si>
  <si>
    <t>045-713-3969</t>
  </si>
  <si>
    <t>045-754-6739</t>
  </si>
  <si>
    <t>045-744‐1933</t>
  </si>
  <si>
    <t>045-332-6039</t>
  </si>
  <si>
    <t>045-788-5150</t>
  </si>
  <si>
    <t>045-826-0818</t>
  </si>
  <si>
    <t>045-511-3644</t>
  </si>
  <si>
    <t>042-762-4294</t>
  </si>
  <si>
    <t>042-779-4382</t>
  </si>
  <si>
    <t>042-779-4381</t>
  </si>
  <si>
    <t>042-779-4384</t>
  </si>
  <si>
    <t>042-762-8072</t>
  </si>
  <si>
    <t>042-762-8083</t>
  </si>
  <si>
    <t>042-779-4387</t>
  </si>
  <si>
    <t>042-779-4379</t>
  </si>
  <si>
    <t>042-762-3170</t>
  </si>
  <si>
    <t>042-779-4380</t>
  </si>
  <si>
    <t>042-782-2849</t>
  </si>
  <si>
    <t>042-782-3192</t>
  </si>
  <si>
    <t>042-782-5349</t>
  </si>
  <si>
    <t>042-782-8204</t>
  </si>
  <si>
    <t>042-784-1906</t>
  </si>
  <si>
    <t>042-784-1807</t>
  </si>
  <si>
    <t>042-784-0447</t>
  </si>
  <si>
    <t>042-784-0658</t>
  </si>
  <si>
    <t>042-685-1991</t>
  </si>
  <si>
    <t>042-682-7029</t>
  </si>
  <si>
    <t>042-685-0754</t>
  </si>
  <si>
    <t>042-687-5896</t>
  </si>
  <si>
    <t>042-687-5894</t>
  </si>
  <si>
    <t>042-689-2463</t>
  </si>
  <si>
    <t>042-762-3243</t>
  </si>
  <si>
    <t>042-762-4579</t>
  </si>
  <si>
    <t>042-753-0186</t>
  </si>
  <si>
    <t>042-753-0347</t>
  </si>
  <si>
    <t>042-753-2091</t>
  </si>
  <si>
    <t>042-753-4134</t>
  </si>
  <si>
    <t>042-753-5017</t>
  </si>
  <si>
    <t>042-753-5076</t>
  </si>
  <si>
    <t>042-753-6057</t>
  </si>
  <si>
    <t>042-753-6087</t>
  </si>
  <si>
    <t>042-753-8041</t>
  </si>
  <si>
    <t>042-753-8043</t>
  </si>
  <si>
    <t>042-753-8045</t>
  </si>
  <si>
    <t>042-777-0803</t>
  </si>
  <si>
    <t>042-762-8099</t>
  </si>
  <si>
    <t>042-753-9027</t>
  </si>
  <si>
    <t>042-753-9035</t>
  </si>
  <si>
    <t>042-759-2162</t>
  </si>
  <si>
    <t>042-762-8105</t>
  </si>
  <si>
    <t>042-750-8558</t>
  </si>
  <si>
    <t>042-775-1702</t>
  </si>
  <si>
    <t>046-257-2293</t>
  </si>
  <si>
    <t>042-777-0794</t>
  </si>
  <si>
    <t>042-741-8603</t>
  </si>
  <si>
    <t>042-741-7998</t>
  </si>
  <si>
    <t>042-741-7996</t>
  </si>
  <si>
    <t>042-741-7995</t>
  </si>
  <si>
    <t>042-741-7992</t>
  </si>
  <si>
    <t>046-257-2292</t>
  </si>
  <si>
    <t>042-741-6560</t>
  </si>
  <si>
    <t>042-741-7991</t>
  </si>
  <si>
    <t>042-741-7990</t>
  </si>
  <si>
    <t>042-741-7985</t>
  </si>
  <si>
    <t>042-741-7948</t>
  </si>
  <si>
    <t>046-257-2291</t>
  </si>
  <si>
    <t>042-753-7014</t>
  </si>
  <si>
    <t>042-741-7983</t>
  </si>
  <si>
    <t>042-741-7982</t>
  </si>
  <si>
    <t>042-741-8607</t>
  </si>
  <si>
    <t>042-741-7981</t>
  </si>
  <si>
    <t>042-752-6089</t>
  </si>
  <si>
    <t>042-741-7980</t>
  </si>
  <si>
    <t>042-741-7976</t>
  </si>
  <si>
    <t>042-743-4662</t>
  </si>
  <si>
    <t>042-777-5885</t>
  </si>
  <si>
    <t>042-762-8961</t>
  </si>
  <si>
    <t>042-779-4383</t>
  </si>
  <si>
    <t>042-779-4386</t>
  </si>
  <si>
    <t>042-763-4497</t>
  </si>
  <si>
    <t>042-782-2387</t>
  </si>
  <si>
    <t>042-782-8290</t>
  </si>
  <si>
    <t>042-784-1423</t>
  </si>
  <si>
    <t>042-784-0199</t>
  </si>
  <si>
    <t>042-785-0305</t>
  </si>
  <si>
    <t>042-685-1673</t>
  </si>
  <si>
    <t>042-685-0530</t>
  </si>
  <si>
    <t>042-687-5897</t>
  </si>
  <si>
    <t>042-752-6193</t>
  </si>
  <si>
    <t>042-762-8549</t>
  </si>
  <si>
    <t>042-752-7158</t>
  </si>
  <si>
    <t>042-752-7186</t>
  </si>
  <si>
    <t>042-752-9067</t>
  </si>
  <si>
    <t>042-752-9251</t>
  </si>
  <si>
    <t>042-753-9056</t>
  </si>
  <si>
    <t>042-758-0693</t>
  </si>
  <si>
    <t>042-763-0193</t>
  </si>
  <si>
    <t>042-779-4385</t>
  </si>
  <si>
    <t>042-758-4473</t>
  </si>
  <si>
    <t>042-777-0804</t>
  </si>
  <si>
    <t>042-741-7975</t>
  </si>
  <si>
    <t>042-741-7971</t>
  </si>
  <si>
    <t>042-741-7968</t>
  </si>
  <si>
    <t>042-741-7965</t>
  </si>
  <si>
    <t>042-753-9007</t>
  </si>
  <si>
    <t>042-741-7962</t>
  </si>
  <si>
    <t>042-741-7961</t>
  </si>
  <si>
    <t>042-741-7956</t>
  </si>
  <si>
    <t>042-741-7947</t>
  </si>
  <si>
    <t>042-741-7946</t>
  </si>
  <si>
    <t>042-741-7936</t>
  </si>
  <si>
    <t>046-865-2646</t>
  </si>
  <si>
    <t>046-865-3352</t>
  </si>
  <si>
    <t>046-865-3155</t>
  </si>
  <si>
    <t>046-866-1725</t>
  </si>
  <si>
    <t>046-861-1553</t>
  </si>
  <si>
    <t>046-861-2714</t>
  </si>
  <si>
    <t>046-823-2516</t>
  </si>
  <si>
    <t>046-822-0185</t>
  </si>
  <si>
    <t>046-823-9849</t>
  </si>
  <si>
    <t>046-823-9725</t>
  </si>
  <si>
    <t>046-822-0129</t>
  </si>
  <si>
    <t>046-823-8906</t>
  </si>
  <si>
    <t>046-823-8840</t>
  </si>
  <si>
    <t>046-823-8195</t>
  </si>
  <si>
    <t>046-823-8024</t>
  </si>
  <si>
    <t>046-824-9057</t>
  </si>
  <si>
    <t>046-851-0056</t>
  </si>
  <si>
    <t>046-851-0543</t>
  </si>
  <si>
    <t>046-851-2217</t>
  </si>
  <si>
    <t>046-851-0335</t>
  </si>
  <si>
    <t>046-834-7330</t>
  </si>
  <si>
    <t>046-836-0058</t>
  </si>
  <si>
    <t>046-836-3878</t>
  </si>
  <si>
    <t>046-821-4316</t>
  </si>
  <si>
    <t>046-841-0206</t>
  </si>
  <si>
    <t>046-841-0244</t>
  </si>
  <si>
    <t>046-835-7764</t>
  </si>
  <si>
    <t>046-830-5661</t>
  </si>
  <si>
    <t>046-841-0027</t>
  </si>
  <si>
    <t>046-841-4668</t>
  </si>
  <si>
    <t>046-841-0145</t>
  </si>
  <si>
    <t>046-841-4203</t>
  </si>
  <si>
    <t>046-848-4412</t>
  </si>
  <si>
    <t>046-835-0443</t>
  </si>
  <si>
    <t>046-835-0056</t>
  </si>
  <si>
    <t>046-834-4468</t>
  </si>
  <si>
    <t>046-848-6845</t>
  </si>
  <si>
    <t>046-849-7814</t>
  </si>
  <si>
    <t>046-847-1522</t>
  </si>
  <si>
    <t>046-848-0386</t>
  </si>
  <si>
    <t>046-848-5230</t>
  </si>
  <si>
    <t>046-856-1413</t>
  </si>
  <si>
    <t>046-856-4851</t>
  </si>
  <si>
    <t>046-856-3543</t>
  </si>
  <si>
    <t>046-857-0028</t>
  </si>
  <si>
    <t>046-856-0245</t>
  </si>
  <si>
    <t>046-865-6212</t>
  </si>
  <si>
    <t>046-866-3906</t>
  </si>
  <si>
    <t>046-861-6399</t>
  </si>
  <si>
    <t>046-823-0753</t>
  </si>
  <si>
    <t>046-823-2648</t>
  </si>
  <si>
    <t>046-821-4505</t>
  </si>
  <si>
    <t>046-852-5828</t>
  </si>
  <si>
    <t>046-851-1267</t>
  </si>
  <si>
    <t>046-853-6011</t>
  </si>
  <si>
    <t>046-834-1391</t>
  </si>
  <si>
    <t>046-824-9429</t>
  </si>
  <si>
    <t>046-841-4006</t>
  </si>
  <si>
    <t>046-841-0966</t>
  </si>
  <si>
    <t>046-841-0556</t>
  </si>
  <si>
    <t>046-848-3174</t>
  </si>
  <si>
    <t>046-835-0441</t>
  </si>
  <si>
    <t>046-834-4480</t>
  </si>
  <si>
    <t>046-849-3791</t>
  </si>
  <si>
    <t>046-848-0146</t>
  </si>
  <si>
    <t>046-849-5798</t>
  </si>
  <si>
    <t>046-856-2132</t>
  </si>
  <si>
    <t>046-856-1255</t>
  </si>
  <si>
    <t>046-856-2309</t>
  </si>
  <si>
    <t>046-833-4555</t>
  </si>
  <si>
    <t>0463-33-2075</t>
  </si>
  <si>
    <t>0463-23-7429</t>
  </si>
  <si>
    <t>0463-23-7184</t>
  </si>
  <si>
    <t>0463-33-4512</t>
  </si>
  <si>
    <t>0463-33-4297</t>
  </si>
  <si>
    <t>0463-33-1723</t>
  </si>
  <si>
    <t>0463-53-1438</t>
  </si>
  <si>
    <t>0463-33-4176</t>
  </si>
  <si>
    <t>0463-33-2368</t>
  </si>
  <si>
    <t>0463-53-1489</t>
  </si>
  <si>
    <t>0463-53-1497</t>
  </si>
  <si>
    <t>0463-59-6448</t>
  </si>
  <si>
    <t>0463-59-6438</t>
  </si>
  <si>
    <t>0463-59-6431</t>
  </si>
  <si>
    <t>0463-59-6429</t>
  </si>
  <si>
    <t>0463-53-1409</t>
  </si>
  <si>
    <t>0463-23-7819</t>
  </si>
  <si>
    <t>0463-33-4780</t>
  </si>
  <si>
    <t>0463-53-1469</t>
  </si>
  <si>
    <t>0463-53-1439</t>
  </si>
  <si>
    <t>0463-33-4023</t>
  </si>
  <si>
    <t>0463-33-2014</t>
  </si>
  <si>
    <t>0463-33-4699</t>
  </si>
  <si>
    <t>0463-59-6439</t>
  </si>
  <si>
    <t>0463-33-4788</t>
  </si>
  <si>
    <t>0463-33-1876</t>
  </si>
  <si>
    <t>0463-23-6972</t>
  </si>
  <si>
    <t>0463-23-7098</t>
  </si>
  <si>
    <t>0463-33-5153</t>
  </si>
  <si>
    <t>0463-33-5736</t>
  </si>
  <si>
    <t>0463-53-1429</t>
  </si>
  <si>
    <t>0463-53-1449</t>
  </si>
  <si>
    <t>0463-59-6442</t>
  </si>
  <si>
    <t>0463-59-6440</t>
  </si>
  <si>
    <t>0463-33-5328</t>
  </si>
  <si>
    <t>0463-53-1419</t>
  </si>
  <si>
    <t>0463-33-0544</t>
  </si>
  <si>
    <t>0463-23-7203</t>
  </si>
  <si>
    <t>0463-59-6449</t>
  </si>
  <si>
    <t>0463-53-1457</t>
  </si>
  <si>
    <t>0463-59-6444</t>
  </si>
  <si>
    <t>0466-26-5082</t>
  </si>
  <si>
    <t>0466-33-6439</t>
  </si>
  <si>
    <t>0466-50-6870</t>
  </si>
  <si>
    <t>0466-50-6871</t>
  </si>
  <si>
    <t>0466-50-6872</t>
  </si>
  <si>
    <t>0466-84-5401</t>
  </si>
  <si>
    <t>0466-37-1061</t>
  </si>
  <si>
    <t>0466-50-0965</t>
  </si>
  <si>
    <t>0466-50-0174</t>
  </si>
  <si>
    <t>0466-22-7313</t>
  </si>
  <si>
    <t>0466-87-9579</t>
  </si>
  <si>
    <t>0466-48-2591</t>
  </si>
  <si>
    <t>0466-46-6903</t>
  </si>
  <si>
    <t>0466-33-7973</t>
  </si>
  <si>
    <t>0466-34-7428</t>
  </si>
  <si>
    <t>0466-81-0738</t>
  </si>
  <si>
    <t>0466-36-9810</t>
  </si>
  <si>
    <t>0466-35-5180</t>
  </si>
  <si>
    <t>0466-84-5402</t>
  </si>
  <si>
    <t>0466-84-1795</t>
  </si>
  <si>
    <t>0466-37-1062</t>
  </si>
  <si>
    <t>0466-46-5354</t>
  </si>
  <si>
    <t>0466-87-9594</t>
  </si>
  <si>
    <t>0466-84-5403</t>
  </si>
  <si>
    <t>0466-50-6873</t>
  </si>
  <si>
    <t>0466-47-0827</t>
  </si>
  <si>
    <t>0466-86-2771</t>
  </si>
  <si>
    <t>0466-50-6874</t>
  </si>
  <si>
    <t>0466-84-5404</t>
  </si>
  <si>
    <t>0466-86-2772</t>
  </si>
  <si>
    <t>0466-50-6875</t>
  </si>
  <si>
    <t>0466-86-2773</t>
  </si>
  <si>
    <t>0466-84-5405</t>
  </si>
  <si>
    <t>0466-86-2774</t>
  </si>
  <si>
    <t>0466-50-0964</t>
  </si>
  <si>
    <t>0466-33-6943</t>
  </si>
  <si>
    <t>0466-22-0942</t>
  </si>
  <si>
    <t>0466-84-5406</t>
  </si>
  <si>
    <t>0466-50-6876</t>
  </si>
  <si>
    <t>0466-47-0828</t>
  </si>
  <si>
    <t>0466-37-1063</t>
  </si>
  <si>
    <t>0466-46-6905</t>
  </si>
  <si>
    <t>0466-50-6877</t>
  </si>
  <si>
    <t>0466-37-1064</t>
  </si>
  <si>
    <t>0466-84-5407</t>
  </si>
  <si>
    <t>0466-87-0476</t>
  </si>
  <si>
    <t>0466-87-3249</t>
  </si>
  <si>
    <t>0466-50-6878</t>
  </si>
  <si>
    <t>0466-46-6906</t>
  </si>
  <si>
    <t>0466-46-6907</t>
  </si>
  <si>
    <t>0466-86-1449</t>
  </si>
  <si>
    <t>0466-82-9459</t>
  </si>
  <si>
    <t>0466-37-1065</t>
  </si>
  <si>
    <t>0465-22-6191</t>
  </si>
  <si>
    <t>0465-22-6216</t>
  </si>
  <si>
    <t>0465-32-7564</t>
  </si>
  <si>
    <t>0465-32-7469</t>
  </si>
  <si>
    <t>0465-24-6808</t>
  </si>
  <si>
    <t>0465-22-0928</t>
  </si>
  <si>
    <t>0465-32-7544</t>
  </si>
  <si>
    <t>0465-32-7549</t>
  </si>
  <si>
    <t>0465-36-1294</t>
  </si>
  <si>
    <t>0465-32-7294</t>
  </si>
  <si>
    <t>0465-49-6804</t>
  </si>
  <si>
    <t>0465-36-0475</t>
  </si>
  <si>
    <t>0465-42-6784</t>
  </si>
  <si>
    <t>0465-42-5098</t>
  </si>
  <si>
    <t>0465-49-6792</t>
  </si>
  <si>
    <t>0465-49-6759</t>
  </si>
  <si>
    <t>0465-29-1276</t>
  </si>
  <si>
    <t>0465-42-5239</t>
  </si>
  <si>
    <t>0465-36-0974</t>
  </si>
  <si>
    <t>0465-43-3489</t>
  </si>
  <si>
    <t>0465-43-3674</t>
  </si>
  <si>
    <t>0465-49-6791</t>
  </si>
  <si>
    <t>0465-37-5124</t>
  </si>
  <si>
    <t>0465-36-1425</t>
  </si>
  <si>
    <t>0465-49-6798</t>
  </si>
  <si>
    <t>0465-32-7569</t>
  </si>
  <si>
    <t>0465-32-7584</t>
  </si>
  <si>
    <t>0465-32-7586</t>
  </si>
  <si>
    <t>0465-22-0464</t>
  </si>
  <si>
    <t>0465-49-6814</t>
  </si>
  <si>
    <t>0465-42-6814</t>
  </si>
  <si>
    <t>0465-47-1394</t>
  </si>
  <si>
    <t>0465-49-6821</t>
  </si>
  <si>
    <t>0465-36-1981</t>
  </si>
  <si>
    <t>0465-43-4504</t>
  </si>
  <si>
    <t>0465-36-2293</t>
  </si>
  <si>
    <t>046-872-9651</t>
  </si>
  <si>
    <t>046-872-9652</t>
  </si>
  <si>
    <t>046-872-9653</t>
  </si>
  <si>
    <t>0467-25-1229</t>
  </si>
  <si>
    <t>046-872-9654</t>
  </si>
  <si>
    <t>046-872-9655</t>
  </si>
  <si>
    <t>046-872-9656</t>
  </si>
  <si>
    <t>046-872-9657</t>
  </si>
  <si>
    <t>046-881-6192</t>
  </si>
  <si>
    <t>046-881-6182</t>
  </si>
  <si>
    <t>046-888-0548</t>
  </si>
  <si>
    <t>046-888-0063</t>
  </si>
  <si>
    <t>046-886-1043</t>
  </si>
  <si>
    <t>046-888-3121</t>
  </si>
  <si>
    <t>046-881-6142</t>
  </si>
  <si>
    <t>046-888-2045</t>
  </si>
  <si>
    <t>046-881-5244</t>
  </si>
  <si>
    <t>046-888-0915</t>
  </si>
  <si>
    <t>046-888-1153</t>
  </si>
  <si>
    <t>0463-81-1249</t>
  </si>
  <si>
    <t>0463-81-1634</t>
  </si>
  <si>
    <t>0463-81-6190</t>
  </si>
  <si>
    <t>0463-75-4216</t>
  </si>
  <si>
    <t>0463-76-4927</t>
  </si>
  <si>
    <t>0463-88-1031</t>
  </si>
  <si>
    <t>0463-87-3809</t>
  </si>
  <si>
    <t>0463-76-4930</t>
  </si>
  <si>
    <t>0463-88-7067</t>
  </si>
  <si>
    <t>0463-82-1836</t>
  </si>
  <si>
    <t>0463-82-8401</t>
  </si>
  <si>
    <t>0463-88-9947</t>
  </si>
  <si>
    <t>0463-76-4934</t>
  </si>
  <si>
    <t>0463-81-0746</t>
  </si>
  <si>
    <t>0463-81-6097</t>
  </si>
  <si>
    <t>0463-83-6748</t>
  </si>
  <si>
    <t>0463-75-4223</t>
  </si>
  <si>
    <t>0463-76-4912</t>
  </si>
  <si>
    <t>0463-88-1984</t>
  </si>
  <si>
    <t>0463-82-8403</t>
  </si>
  <si>
    <t>0463-87-6157</t>
  </si>
  <si>
    <t>0463-78-3774</t>
  </si>
  <si>
    <t>046-221-6823</t>
  </si>
  <si>
    <t>046-245-0875</t>
  </si>
  <si>
    <t>046-245-0682</t>
  </si>
  <si>
    <t>046-241-1260</t>
  </si>
  <si>
    <t>046-241-3166</t>
  </si>
  <si>
    <t>046-221-4539</t>
  </si>
  <si>
    <t>046-241-1257</t>
  </si>
  <si>
    <t>046-248-0620</t>
  </si>
  <si>
    <t>046-248-1678</t>
  </si>
  <si>
    <t>046-229-0301</t>
  </si>
  <si>
    <t>046-228-0691</t>
  </si>
  <si>
    <t>046-223-5830</t>
  </si>
  <si>
    <t>046-224-3957</t>
  </si>
  <si>
    <t>046-247-9370</t>
  </si>
  <si>
    <t>046-224-5958</t>
  </si>
  <si>
    <t>046-241-7313</t>
  </si>
  <si>
    <t>046-247-9352</t>
  </si>
  <si>
    <t>046-241-6135</t>
  </si>
  <si>
    <t>046-241-3143</t>
  </si>
  <si>
    <t>046-248-2563</t>
  </si>
  <si>
    <t>046-245-5675</t>
  </si>
  <si>
    <t>046-228-9807</t>
  </si>
  <si>
    <t>046-246-2885</t>
  </si>
  <si>
    <t>046-221-3235</t>
  </si>
  <si>
    <t>046-245-1156</t>
  </si>
  <si>
    <t>046-241-3157</t>
  </si>
  <si>
    <t>046-241-1249</t>
  </si>
  <si>
    <t>046-241-3130</t>
  </si>
  <si>
    <t>046-248-0326</t>
  </si>
  <si>
    <t>046-221-4365</t>
  </si>
  <si>
    <t>046-228-1258</t>
  </si>
  <si>
    <t>046-224-4934</t>
  </si>
  <si>
    <t>046-245-1043</t>
  </si>
  <si>
    <t>046-248-0797</t>
  </si>
  <si>
    <t>046-221-5957</t>
  </si>
  <si>
    <t>046-229-5517</t>
  </si>
  <si>
    <t>046-272-1485</t>
  </si>
  <si>
    <t>046-272-1495</t>
  </si>
  <si>
    <t>046-264-7495</t>
  </si>
  <si>
    <t>046-264-8599</t>
  </si>
  <si>
    <t>046-264-8494</t>
  </si>
  <si>
    <t>046-268-8501</t>
  </si>
  <si>
    <t>046-268-8508</t>
  </si>
  <si>
    <t>046-272-1521</t>
  </si>
  <si>
    <t>046-272-1541</t>
  </si>
  <si>
    <t>046-268-8415</t>
  </si>
  <si>
    <t>046-264-9105</t>
  </si>
  <si>
    <t>046-272-1531</t>
  </si>
  <si>
    <t>046-268-3590</t>
  </si>
  <si>
    <t>046-264-9185</t>
  </si>
  <si>
    <t>046-268-3599</t>
  </si>
  <si>
    <t>046-264-9085</t>
  </si>
  <si>
    <t>046-264-8556</t>
  </si>
  <si>
    <t>046-272-1490</t>
  </si>
  <si>
    <t>046-264-8935</t>
  </si>
  <si>
    <t>046-261-4892</t>
  </si>
  <si>
    <t>046-261-8040</t>
  </si>
  <si>
    <t>046-268-3989</t>
  </si>
  <si>
    <t>046-276-1791</t>
  </si>
  <si>
    <t>046-276-1067</t>
  </si>
  <si>
    <t>046-268-4576</t>
  </si>
  <si>
    <t>046-268-4574</t>
  </si>
  <si>
    <t>046-276-1531</t>
  </si>
  <si>
    <t>046-268-3995</t>
  </si>
  <si>
    <t>0463-91-9470</t>
  </si>
  <si>
    <t>0463-91-9473</t>
  </si>
  <si>
    <t>0463-91-9471</t>
  </si>
  <si>
    <t>0463-91-9472</t>
  </si>
  <si>
    <t>0463-91-9474</t>
  </si>
  <si>
    <t>0463-91-9478</t>
  </si>
  <si>
    <t>0463-91-9476</t>
  </si>
  <si>
    <t>0463-91-9475</t>
  </si>
  <si>
    <t>0463-91-9477</t>
  </si>
  <si>
    <t>0463-92-4191</t>
  </si>
  <si>
    <t>0463-95-9584</t>
  </si>
  <si>
    <t>0463-95-9588</t>
  </si>
  <si>
    <t>0463-95-9586</t>
  </si>
  <si>
    <t>0463-95-9580</t>
  </si>
  <si>
    <t>046-231-3564</t>
  </si>
  <si>
    <t>046-231-1715</t>
  </si>
  <si>
    <t>046-231-2147</t>
  </si>
  <si>
    <t>046-238-1733</t>
  </si>
  <si>
    <t>046-231-2130</t>
  </si>
  <si>
    <t>046-232-3277</t>
  </si>
  <si>
    <t>046-231-3008</t>
  </si>
  <si>
    <t>046-238-0335</t>
  </si>
  <si>
    <t>046-232-3706</t>
  </si>
  <si>
    <t>046-238-5247</t>
  </si>
  <si>
    <t>046-238-4512</t>
  </si>
  <si>
    <t>046-232-2256</t>
  </si>
  <si>
    <t>046-233-6452</t>
  </si>
  <si>
    <t>046-231-7989</t>
  </si>
  <si>
    <t>046-238-3469</t>
  </si>
  <si>
    <t>046-232-2293</t>
  </si>
  <si>
    <t>046-233-0947</t>
  </si>
  <si>
    <t>046-233-3583</t>
  </si>
  <si>
    <t>046-233-6142</t>
  </si>
  <si>
    <t>046-251-5203</t>
  </si>
  <si>
    <t>046-251-5209</t>
  </si>
  <si>
    <t>046-251-3692</t>
  </si>
  <si>
    <t>046-251-4403</t>
  </si>
  <si>
    <t>046-252-1123</t>
  </si>
  <si>
    <t>046-253-3146</t>
  </si>
  <si>
    <t>046-254-8210</t>
  </si>
  <si>
    <t>046-254-8119</t>
  </si>
  <si>
    <t>046-253-7208</t>
  </si>
  <si>
    <t>046-253-2248</t>
  </si>
  <si>
    <t>046-251-1936</t>
  </si>
  <si>
    <t>046-251-1129</t>
  </si>
  <si>
    <t>046-251-3892</t>
  </si>
  <si>
    <t>046-256-0642</t>
  </si>
  <si>
    <t>046-254-8219</t>
  </si>
  <si>
    <t>046-253-2197</t>
  </si>
  <si>
    <t>046-256-0656</t>
  </si>
  <si>
    <t>0465-74-2651</t>
  </si>
  <si>
    <t>0465-74-9917</t>
  </si>
  <si>
    <t>0465-74-9925</t>
  </si>
  <si>
    <t>0465-74-9927</t>
  </si>
  <si>
    <t>0465-74-9928</t>
  </si>
  <si>
    <t>0465-74-3130</t>
  </si>
  <si>
    <t>0465-73-1257</t>
  </si>
  <si>
    <t>0465-73-1285</t>
  </si>
  <si>
    <t>046-876-0680</t>
  </si>
  <si>
    <t>046-878-6550</t>
  </si>
  <si>
    <t>046-876-0682</t>
  </si>
  <si>
    <t>046-876-0681</t>
  </si>
  <si>
    <t>046-876-0683</t>
  </si>
  <si>
    <t>046-876-0684</t>
  </si>
  <si>
    <t>0467-75-2589</t>
  </si>
  <si>
    <t>0467-75-0093</t>
  </si>
  <si>
    <t>0467-75-2586</t>
  </si>
  <si>
    <t>0467-75-3215</t>
  </si>
  <si>
    <t>0467-74-7496</t>
  </si>
  <si>
    <t>0467-75-2583</t>
  </si>
  <si>
    <t>0467-74-0976</t>
  </si>
  <si>
    <t>0463-61-0930</t>
  </si>
  <si>
    <t>0463-72-6251</t>
  </si>
  <si>
    <t>0463-61-2465</t>
  </si>
  <si>
    <t>0463-72-6256</t>
  </si>
  <si>
    <t>0463-71-7995</t>
  </si>
  <si>
    <t>0463-71-7975</t>
  </si>
  <si>
    <t>0463-71-7973</t>
  </si>
  <si>
    <t>0463-71-3427</t>
  </si>
  <si>
    <t>0463-71-7991</t>
  </si>
  <si>
    <t>0465-81-0590</t>
  </si>
  <si>
    <t>0465-81-0093</t>
  </si>
  <si>
    <t>0465-81-0999</t>
  </si>
  <si>
    <t>0465-82-0191</t>
  </si>
  <si>
    <t>0465-83-5766</t>
  </si>
  <si>
    <t>0465-83-1153</t>
  </si>
  <si>
    <t>0465-82-2607</t>
  </si>
  <si>
    <t>0465-85-1252</t>
  </si>
  <si>
    <t>0465-88-1020</t>
  </si>
  <si>
    <t>0465-85-1253</t>
  </si>
  <si>
    <t>0465-76-3290</t>
  </si>
  <si>
    <t>0465-75-0760</t>
  </si>
  <si>
    <t>0465-82-4908</t>
  </si>
  <si>
    <t>0465-83-0533</t>
  </si>
  <si>
    <t>0465-82-8472</t>
  </si>
  <si>
    <t>0460-85-7622</t>
  </si>
  <si>
    <t>0460-82-3004</t>
  </si>
  <si>
    <t>0460-84-8024</t>
  </si>
  <si>
    <t>0465-68-0262</t>
  </si>
  <si>
    <t>0465-68-2196</t>
  </si>
  <si>
    <t>0465-60-1334</t>
  </si>
  <si>
    <t>0465-63-7715</t>
  </si>
  <si>
    <t>0465-63-7720</t>
  </si>
  <si>
    <t>0465-63-7714</t>
  </si>
  <si>
    <t>046-286-7981</t>
  </si>
  <si>
    <t>046-281-6151</t>
  </si>
  <si>
    <t>046-281-6152</t>
  </si>
  <si>
    <t>046-281-6153</t>
  </si>
  <si>
    <t>046-286-7982</t>
  </si>
  <si>
    <t>046-286-7983</t>
  </si>
  <si>
    <t>046-286-7984</t>
  </si>
  <si>
    <t>046-281-6154</t>
  </si>
  <si>
    <t>046-286-7985</t>
  </si>
  <si>
    <t>046-288-3478</t>
  </si>
  <si>
    <t>046-288-1383</t>
  </si>
  <si>
    <t>046-288-3113</t>
  </si>
  <si>
    <t>046-288-1372</t>
  </si>
  <si>
    <t>-</t>
    <phoneticPr fontId="18"/>
  </si>
  <si>
    <t>郵便番号を半角数字で記載しハイフンで接続</t>
    <rPh sb="0" eb="2">
      <t>ユウビン</t>
    </rPh>
    <phoneticPr fontId="18"/>
  </si>
  <si>
    <t>電話番号を半角数字で記載しハイフンで接続</t>
    <rPh sb="0" eb="2">
      <t>デンワ</t>
    </rPh>
    <rPh sb="2" eb="4">
      <t>バンゴウ</t>
    </rPh>
    <rPh sb="10" eb="12">
      <t>キサイ</t>
    </rPh>
    <rPh sb="18" eb="20">
      <t>セツゾク</t>
    </rPh>
    <phoneticPr fontId="18"/>
  </si>
  <si>
    <t>ＦＡＸ番号を半角数字で記載しハイフンで接続</t>
    <rPh sb="6" eb="8">
      <t>ハンカク</t>
    </rPh>
    <rPh sb="8" eb="10">
      <t>スウジ</t>
    </rPh>
    <rPh sb="11" eb="13">
      <t>キサイ</t>
    </rPh>
    <rPh sb="19" eb="21">
      <t>セツゾク</t>
    </rPh>
    <phoneticPr fontId="18"/>
  </si>
  <si>
    <t>ホームページのURLを記載</t>
    <phoneticPr fontId="18"/>
  </si>
  <si>
    <t>都道府県名から番地まで区切りなく記入。丁目以下は半角数字で記載しハイフンで接続</t>
    <phoneticPr fontId="18"/>
  </si>
  <si>
    <t>神奈川県横浜市鶴見区上末吉1-9-1</t>
  </si>
  <si>
    <t>神奈川県横浜市鶴見区元宮1-13-1</t>
  </si>
  <si>
    <t>神奈川県横浜市鶴見区向井町3-82-1</t>
  </si>
  <si>
    <t>神奈川県横浜市鶴見区東寺尾東台12-1</t>
  </si>
  <si>
    <t>神奈川県横浜市鶴見区北寺尾4-25-1</t>
  </si>
  <si>
    <t>神奈川県横浜市鶴見区生麦4-15-1</t>
  </si>
  <si>
    <t>神奈川県横浜市鶴見区豊岡町27-1</t>
  </si>
  <si>
    <t>神奈川県横浜市鶴見区下野谷町2-49</t>
  </si>
  <si>
    <t>神奈川県横浜市鶴見区浜町1-1-1</t>
  </si>
  <si>
    <t>神奈川県横浜市鶴見区鶴見中央3-19-1</t>
  </si>
  <si>
    <t>神奈川県横浜市鶴見区平安町2-9-1</t>
  </si>
  <si>
    <t>神奈川県横浜市鶴見区岸谷1-6-1</t>
  </si>
  <si>
    <t>神奈川県横浜市鶴見区矢向3-8-1</t>
  </si>
  <si>
    <t>神奈川県横浜市鶴見区上末吉5-24-1</t>
  </si>
  <si>
    <t>神奈川県横浜市鶴見区下末吉2-25-6</t>
  </si>
  <si>
    <t>神奈川県横浜市鶴見区東寺尾5-19-1</t>
  </si>
  <si>
    <t>神奈川県横浜市鶴見区汐入町2-36</t>
  </si>
  <si>
    <t>神奈川県横浜市鶴見区馬場7-20-1</t>
  </si>
  <si>
    <t>神奈川県横浜市鶴見区駒岡3-14-1</t>
  </si>
  <si>
    <t>神奈川県横浜市鶴見区馬場3-21-21</t>
  </si>
  <si>
    <t>神奈川県横浜市神奈川区新子安1-36-1</t>
  </si>
  <si>
    <t>神奈川県横浜市神奈川区桐畑17</t>
  </si>
  <si>
    <t>神奈川県横浜市神奈川区東神奈川2-35-1</t>
  </si>
  <si>
    <t>神奈川県横浜市神奈川区六角橋2-34-19</t>
  </si>
  <si>
    <t>神奈川県横浜市神奈川区平川町11-1</t>
  </si>
  <si>
    <t>神奈川県横浜市神奈川区浦島丘16</t>
  </si>
  <si>
    <t>神奈川県横浜市神奈川区三ツ沢中町4-17</t>
  </si>
  <si>
    <t>神奈川県横浜市神奈川区白幡上町11-1</t>
  </si>
  <si>
    <t>神奈川県横浜市神奈川区斎藤分町34-1</t>
  </si>
  <si>
    <t>神奈川県横浜市神奈川区西寺尾2-5-1</t>
  </si>
  <si>
    <t>神奈川県横浜市神奈川区大口仲町460</t>
  </si>
  <si>
    <t>神奈川県横浜市神奈川区神大寺3-34-1</t>
  </si>
  <si>
    <t>神奈川県横浜市神奈川区西寺尾2-15-1</t>
  </si>
  <si>
    <t>神奈川県横浜市神奈川区神大寺3-17-1</t>
  </si>
  <si>
    <t>神奈川県横浜市神奈川区羽沢町935</t>
  </si>
  <si>
    <t>神奈川県横浜市神奈川区神大寺2-9-16</t>
  </si>
  <si>
    <t>神奈川県横浜市西区伊勢町2-115</t>
  </si>
  <si>
    <t>神奈川県横浜市西区平沼2-11-36</t>
  </si>
  <si>
    <t>神奈川県横浜市西区西戸部町1-115</t>
  </si>
  <si>
    <t>神奈川県横浜市西区中央2-27-7</t>
  </si>
  <si>
    <t>神奈川県横浜市西区藤棚町2-220</t>
  </si>
  <si>
    <t>神奈川県横浜市西区浅間町3-237</t>
  </si>
  <si>
    <t>神奈川県横浜市西区高島1-2-3</t>
  </si>
  <si>
    <t>神奈川県横浜市中区諏訪町29</t>
  </si>
  <si>
    <t>神奈川県横浜市中区山手町36</t>
  </si>
  <si>
    <t>神奈川県横浜市中区花咲町3-86</t>
  </si>
  <si>
    <t>神奈川県横浜市中区立野76</t>
  </si>
  <si>
    <t>神奈川県横浜市中区本牧町1-251</t>
  </si>
  <si>
    <t>神奈川県横浜市中区山元町3-152</t>
  </si>
  <si>
    <t>神奈川県横浜市中区本牧間門29-1</t>
  </si>
  <si>
    <t>神奈川県横浜市中区本牧元町44-1</t>
  </si>
  <si>
    <t>神奈川県横浜市中区本牧和田5-1</t>
  </si>
  <si>
    <t>神奈川県横浜市南区中村町1-66</t>
  </si>
  <si>
    <t>神奈川県横浜市南区大橋町3-49</t>
  </si>
  <si>
    <t>神奈川県横浜市南区三春台42</t>
  </si>
  <si>
    <t>神奈川県横浜市南区高根町2-14</t>
  </si>
  <si>
    <t>神奈川県横浜市南区山王町5-31</t>
  </si>
  <si>
    <t>神奈川県横浜市南区南太田1-17-1</t>
  </si>
  <si>
    <t>神奈川県横浜市南区蒔田町1020</t>
  </si>
  <si>
    <t>神奈川県横浜市南区中村町4-269-1</t>
  </si>
  <si>
    <t>神奈川県横浜市南区中里1-6-16</t>
  </si>
  <si>
    <t>神奈川県横浜市南区永田北2-6-12</t>
  </si>
  <si>
    <t>神奈川県横浜市南区大岡4-10-1</t>
  </si>
  <si>
    <t>神奈川県横浜市南区永田みなみ台6-1</t>
  </si>
  <si>
    <t>神奈川県横浜市南区別所6-3-1</t>
  </si>
  <si>
    <t>神奈川県横浜市港南区日野7-11-1</t>
  </si>
  <si>
    <t>神奈川県横浜市港南区上永谷2-21-10</t>
  </si>
  <si>
    <t>神奈川県横浜市港南区笹下3-9-1</t>
  </si>
  <si>
    <t>神奈川県横浜市港南区大久保1-6-43</t>
  </si>
  <si>
    <t>神奈川県横浜市港南区港南5-6-1</t>
  </si>
  <si>
    <t>神奈川県横浜市港南区芹が谷3-32-1</t>
  </si>
  <si>
    <t>神奈川県横浜市港南区日野2-20-40</t>
  </si>
  <si>
    <t>神奈川県横浜市港南区東永谷1-36-1</t>
  </si>
  <si>
    <t>神奈川県横浜市港南区上大岡東3-11-1</t>
  </si>
  <si>
    <t>神奈川県横浜市港南区芹が谷4-22-1</t>
  </si>
  <si>
    <t>神奈川県横浜市港南区日限山2-16-1</t>
  </si>
  <si>
    <t>神奈川県横浜市港南区港南台6-7-1</t>
  </si>
  <si>
    <t>神奈川県横浜市港南区日野南6-35-1</t>
  </si>
  <si>
    <t>神奈川県横浜市港南区野庭町602</t>
  </si>
  <si>
    <t>神奈川県横浜市港南区上永谷1-7-5</t>
  </si>
  <si>
    <t>神奈川県横浜市港南区下永谷5-48-15</t>
  </si>
  <si>
    <t>神奈川県横浜市港南区港南台5-4-1</t>
  </si>
  <si>
    <t>神奈川県横浜市港南区港南台2-14-1</t>
  </si>
  <si>
    <t>神奈川県横浜市港南区丸山台3-8-1</t>
  </si>
  <si>
    <t>神奈川県横浜市港南区港南台4-11-1</t>
  </si>
  <si>
    <t>神奈川県横浜市港南区野庭町346-2</t>
  </si>
  <si>
    <t>神奈川県横浜市保土ケ谷区星川3-18-1</t>
  </si>
  <si>
    <t>神奈川県横浜市保土ケ谷区神戸町129-4</t>
  </si>
  <si>
    <t>神奈川県横浜市保土ケ谷区川島町1162</t>
  </si>
  <si>
    <t>神奈川県横浜市保土ケ谷区今井町981-1</t>
  </si>
  <si>
    <t>神奈川県横浜市保土ケ谷区川辺町65-1</t>
  </si>
  <si>
    <t>神奈川県横浜市保土ケ谷区峰岡町1-10</t>
  </si>
  <si>
    <t>神奈川県横浜市保土ケ谷区岩崎町22-1</t>
  </si>
  <si>
    <t>神奈川県横浜市保土ケ谷区岩井町307</t>
  </si>
  <si>
    <t>神奈川県横浜市保土ケ谷区釜台町22-1</t>
  </si>
  <si>
    <t>神奈川県横浜市保土ケ谷区藤塚町1-1</t>
  </si>
  <si>
    <t>神奈川県横浜市保土ケ谷区仏向町845</t>
  </si>
  <si>
    <t>神奈川県横浜市保土ケ谷区上星川2-51-1</t>
  </si>
  <si>
    <t>神奈川県横浜市保土ケ谷区上菅田町1574-1</t>
  </si>
  <si>
    <t>神奈川県横浜市保土ケ谷区坂本町6</t>
  </si>
  <si>
    <t>神奈川県横浜市保土ケ谷区権太坂2-4-1</t>
  </si>
  <si>
    <t>神奈川県横浜市旭区二俣川1-33</t>
  </si>
  <si>
    <t>神奈川県横浜市旭区市沢町781</t>
  </si>
  <si>
    <t>神奈川県横浜市旭区中白根1-9-1</t>
  </si>
  <si>
    <t>神奈川県横浜市旭区都岡町4-8</t>
  </si>
  <si>
    <t>神奈川県横浜市旭区中希望が丘124</t>
  </si>
  <si>
    <t>神奈川県横浜市旭区鶴ケ峰1-42</t>
  </si>
  <si>
    <t>神奈川県横浜市旭区本宿町16</t>
  </si>
  <si>
    <t>神奈川県横浜市旭区大池町66</t>
  </si>
  <si>
    <t>神奈川県横浜市旭区今宿東町829</t>
  </si>
  <si>
    <t>神奈川県横浜市旭区東希望が丘155</t>
  </si>
  <si>
    <t>神奈川県横浜市旭区上川井町2913</t>
  </si>
  <si>
    <t>神奈川県横浜市旭区さちが丘110-1</t>
  </si>
  <si>
    <t>神奈川県横浜市旭区笹野台4-48-1</t>
  </si>
  <si>
    <t>神奈川県横浜市旭区中沢3-25-1</t>
  </si>
  <si>
    <t>神奈川県横浜市旭区上白根町901</t>
  </si>
  <si>
    <t>神奈川県横浜市旭区川井宿町32-2</t>
  </si>
  <si>
    <t>神奈川県横浜市旭区白根3-33-1</t>
  </si>
  <si>
    <t>神奈川県横浜市旭区上白根2-45-1</t>
  </si>
  <si>
    <t>神奈川県横浜市旭区南本宿町79</t>
  </si>
  <si>
    <t>神奈川県横浜市旭区中尾1-8-1</t>
  </si>
  <si>
    <t>神奈川県横浜市旭区善部町4-1</t>
  </si>
  <si>
    <t>神奈川県横浜市旭区今宿南町1879-2</t>
  </si>
  <si>
    <t>神奈川県横浜市旭区若葉台2-14-1</t>
  </si>
  <si>
    <t>神奈川県横浜市旭区左近山1997-2</t>
  </si>
  <si>
    <t>神奈川県横浜市磯子区久木町11-1</t>
  </si>
  <si>
    <t>神奈川県横浜市磯子区杉田1-8-1</t>
  </si>
  <si>
    <t>神奈川県横浜市磯子区西町2-46</t>
  </si>
  <si>
    <t>神奈川県横浜市磯子区丸山2-25-1</t>
  </si>
  <si>
    <t>神奈川県横浜市磯子区磯子台23-1</t>
  </si>
  <si>
    <t>神奈川県横浜市磯子区森3-11-1</t>
  </si>
  <si>
    <t>神奈川県横浜市磯子区杉田5-13-1</t>
  </si>
  <si>
    <t>神奈川県横浜市磯子区岡村4-7-1</t>
  </si>
  <si>
    <t>神奈川県横浜市磯子区汐見台3-6</t>
  </si>
  <si>
    <t>神奈川県横浜市磯子区洋光台1-4-1</t>
  </si>
  <si>
    <t>神奈川県横浜市磯子区洋光台4-15-1</t>
  </si>
  <si>
    <t>神奈川県横浜市磯子区上中里町548</t>
  </si>
  <si>
    <t>神奈川県横浜市磯子区洋光台2-4-1</t>
  </si>
  <si>
    <t>神奈川県横浜市磯子区洋光台6-6-1</t>
  </si>
  <si>
    <t>神奈川県横浜市磯子区森1-4</t>
  </si>
  <si>
    <t>神奈川県横浜市磯子区磯子5-2-1</t>
  </si>
  <si>
    <t>神奈川県横浜市金沢区町屋町26-26</t>
  </si>
  <si>
    <t>神奈川県横浜市金沢区六浦3-11-1</t>
  </si>
  <si>
    <t>神奈川県横浜市金沢区釜利谷東6-37-1</t>
  </si>
  <si>
    <t>神奈川県横浜市金沢区富岡西7-13-1</t>
  </si>
  <si>
    <t>神奈川県横浜市金沢区大道2-3-1</t>
  </si>
  <si>
    <t>神奈川県横浜市金沢区泥亀1-21-2</t>
  </si>
  <si>
    <t>神奈川県横浜市金沢区寺前2-21-7</t>
  </si>
  <si>
    <t>神奈川県横浜市金沢区六浦東3-2-1</t>
  </si>
  <si>
    <t>神奈川県横浜市金沢区西柴4-23-1</t>
  </si>
  <si>
    <t>神奈川県横浜市金沢区富岡西5-49-1</t>
  </si>
  <si>
    <t>神奈川県横浜市金沢区東朝比奈2-53-1</t>
  </si>
  <si>
    <t>神奈川県横浜市金沢区高舟台1-35-1</t>
  </si>
  <si>
    <t>神奈川県横浜市金沢区並木1-7-1</t>
  </si>
  <si>
    <t>神奈川県横浜市金沢区釜利谷東2-12-1</t>
  </si>
  <si>
    <t>神奈川県横浜市金沢区並木1-25-1</t>
  </si>
  <si>
    <t>神奈川県横浜市金沢区並木3-10-1</t>
  </si>
  <si>
    <t>神奈川県横浜市金沢区能見台3-32-1</t>
  </si>
  <si>
    <t>神奈川県横浜市金沢区釜利谷南4-12-1</t>
  </si>
  <si>
    <t>神奈川県横浜市金沢区富岡西1-69-1</t>
  </si>
  <si>
    <t>神奈川県横浜市金沢区六浦南3-22-1</t>
  </si>
  <si>
    <t>神奈川県横浜市金沢区能見台6-3-1</t>
  </si>
  <si>
    <t>神奈川県横浜市港北区日吉本町1-34-21</t>
  </si>
  <si>
    <t>神奈川県横浜市港北区高田町1774</t>
  </si>
  <si>
    <t>神奈川県横浜市港北区新吉田町3226</t>
  </si>
  <si>
    <t>神奈川県横浜市港北区大倉山4-2-1</t>
  </si>
  <si>
    <t>神奈川県横浜市港北区鳥山町814</t>
  </si>
  <si>
    <t>神奈川県横浜市港北区菊名2-15-1</t>
  </si>
  <si>
    <t>神奈川県横浜市港北区綱島西3-11-1</t>
  </si>
  <si>
    <t>神奈川県横浜市港北区菊名5-18-1</t>
  </si>
  <si>
    <t>神奈川県横浜市港北区篠原東3-27-1</t>
  </si>
  <si>
    <t>神奈川県横浜市港北区下田町4-10-1</t>
  </si>
  <si>
    <t>神奈川県横浜市港北区大曽根2-31-1</t>
  </si>
  <si>
    <t>神奈川県横浜市港北区日吉本町4-2-6</t>
  </si>
  <si>
    <t>神奈川県横浜市港北区篠原町1241-1</t>
  </si>
  <si>
    <t>神奈川県横浜市港北区新吉田東6-44-1</t>
  </si>
  <si>
    <t>神奈川県横浜市港北区綱島東3-1-30</t>
  </si>
  <si>
    <t>神奈川県横浜市港北区師岡町986</t>
  </si>
  <si>
    <t>神奈川県横浜市港北区日吉3-23-1</t>
  </si>
  <si>
    <t>神奈川県横浜市港北区日吉本町2-51-1</t>
  </si>
  <si>
    <t>神奈川県横浜市港北区高田東2-33-1</t>
  </si>
  <si>
    <t>神奈川県横浜市港北区大倉山7-34-1</t>
  </si>
  <si>
    <t>神奈川県横浜市港北区新羽町1452-2</t>
  </si>
  <si>
    <t>神奈川県横浜市港北区綱島西5-14-40</t>
  </si>
  <si>
    <t>神奈川県横浜市港北区新吉田町491-1</t>
  </si>
  <si>
    <t>神奈川県横浜市港北区大豆戸町759</t>
  </si>
  <si>
    <t>神奈川県横浜市港北区小机町1382-10</t>
  </si>
  <si>
    <t>神奈川県横浜市緑区北八朔町1865-3</t>
  </si>
  <si>
    <t>神奈川県横浜市緑区長津田町2330</t>
  </si>
  <si>
    <t>神奈川県横浜市緑区鴨居4-7-15</t>
  </si>
  <si>
    <t>神奈川県横浜市緑区新治町768</t>
  </si>
  <si>
    <t>神奈川県横浜市緑区森の台13-1</t>
  </si>
  <si>
    <t>神奈川県横浜市緑区十日市場町1392-1</t>
  </si>
  <si>
    <t>神奈川県横浜市緑区三保町1867</t>
  </si>
  <si>
    <t>神奈川県横浜市緑区竹山3-1-16</t>
  </si>
  <si>
    <t>神奈川県横浜市緑区長津田町2469-3</t>
  </si>
  <si>
    <t>神奈川県横浜市緑区東本郷5-40-1</t>
  </si>
  <si>
    <t>神奈川県横浜市緑区上山2-5-1</t>
  </si>
  <si>
    <t>神奈川県横浜市緑区鴨居5-19-1</t>
  </si>
  <si>
    <t>神奈川県横浜市緑区いぶき野14-1</t>
  </si>
  <si>
    <t>神奈川県横浜市緑区北八朔町2031-3</t>
  </si>
  <si>
    <t>神奈川県横浜市青葉区鉄町427</t>
  </si>
  <si>
    <t>神奈川県横浜市青葉区藤が丘1-55-10</t>
  </si>
  <si>
    <t>神奈川県横浜市青葉区田奈町51-13</t>
  </si>
  <si>
    <t>神奈川県横浜市青葉区新石川1-20-1</t>
  </si>
  <si>
    <t>神奈川県横浜市青葉区奈良町1541-2</t>
  </si>
  <si>
    <t>神奈川県横浜市青葉区つつじが丘34</t>
  </si>
  <si>
    <t>神奈川県横浜市青葉区美しが丘2-29</t>
  </si>
  <si>
    <t>神奈川県横浜市青葉区桜台47</t>
  </si>
  <si>
    <t>神奈川県横浜市青葉区榎が丘29</t>
  </si>
  <si>
    <t>神奈川県横浜市青葉区もえぎ野16</t>
  </si>
  <si>
    <t>神奈川県横浜市青葉区美しが丘4-31-1</t>
  </si>
  <si>
    <t>神奈川県横浜市青葉区みたけ台18</t>
  </si>
  <si>
    <t>神奈川県横浜市青葉区藤が丘2-30-3</t>
  </si>
  <si>
    <t>神奈川県横浜市青葉区美しが丘2-25</t>
  </si>
  <si>
    <t>神奈川県横浜市青葉区市ケ尾町1632-1</t>
  </si>
  <si>
    <t>神奈川県横浜市青葉区あざみ野4-6-1</t>
  </si>
  <si>
    <t>神奈川県横浜市青葉区あざみ野3-29-3</t>
  </si>
  <si>
    <t>神奈川県横浜市青葉区すすき野1-6-4</t>
  </si>
  <si>
    <t>神奈川県横浜市青葉区鴨志田町805-6</t>
  </si>
  <si>
    <t>神奈川県横浜市青葉区市ケ尾町519</t>
  </si>
  <si>
    <t>神奈川県横浜市青葉区鴨志田町532</t>
  </si>
  <si>
    <t>神奈川県横浜市青葉区荏子田3-8-9</t>
  </si>
  <si>
    <t>神奈川県横浜市青葉区桂台2-36</t>
  </si>
  <si>
    <t>神奈川県横浜市青葉区新石川3-12-1</t>
  </si>
  <si>
    <t>神奈川県横浜市青葉区さつきが丘8</t>
  </si>
  <si>
    <t>神奈川県横浜市青葉区荏田西4-5-1</t>
  </si>
  <si>
    <t>神奈川県横浜市青葉区桂台1-4</t>
  </si>
  <si>
    <t>神奈川県横浜市青葉区奈良2-29-1</t>
  </si>
  <si>
    <t>神奈川県横浜市青葉区黒須田34-1</t>
  </si>
  <si>
    <t>神奈川県横浜市青葉区美しが丘西2-48-1</t>
  </si>
  <si>
    <t>神奈川県横浜市都筑区牛久保東2-21-1</t>
  </si>
  <si>
    <t>神奈川県横浜市都筑区池辺町2831</t>
  </si>
  <si>
    <t>神奈川県横浜市都筑区川和町1463</t>
  </si>
  <si>
    <t>神奈川県横浜市都筑区折本町1321</t>
  </si>
  <si>
    <t>神奈川県横浜市都筑区勝田町266</t>
  </si>
  <si>
    <t>神奈川県横浜市都筑区東山田3-29-1</t>
  </si>
  <si>
    <t>神奈川県横浜市都筑区荏田南町694</t>
  </si>
  <si>
    <t>神奈川県横浜市都筑区すみれが丘34</t>
  </si>
  <si>
    <t>神奈川県横浜市都筑区池辺町2452-1</t>
  </si>
  <si>
    <t>神奈川県横浜市都筑区荏田東3-5-1</t>
  </si>
  <si>
    <t>神奈川県横浜市都筑区荏田南2-5-2</t>
  </si>
  <si>
    <t>神奈川県横浜市都筑区茅ケ崎南1-11-1</t>
  </si>
  <si>
    <t>神奈川県横浜市都筑区中川1-3-1</t>
  </si>
  <si>
    <t>神奈川県横浜市都筑区富士見が丘21-2</t>
  </si>
  <si>
    <t>神奈川県横浜市都筑区長坂13-1</t>
  </si>
  <si>
    <t>神奈川県横浜市都筑区北山田5-14-1</t>
  </si>
  <si>
    <t>神奈川県横浜市都筑区中川6-2-1</t>
  </si>
  <si>
    <t>神奈川県横浜市都筑区南山田2-27-1</t>
  </si>
  <si>
    <t>神奈川県横浜市都筑区荏田東1-22-1</t>
  </si>
  <si>
    <t>神奈川県横浜市都筑区東山田1-4-1</t>
  </si>
  <si>
    <t>神奈川県横浜市都筑区茅ケ崎東2-11-1</t>
  </si>
  <si>
    <t>神奈川県横浜市都筑区牛久保1-23-1</t>
  </si>
  <si>
    <t>神奈川県横浜市戸塚区戸塚町132</t>
  </si>
  <si>
    <t>神奈川県横浜市戸塚区秋葉町203-2</t>
  </si>
  <si>
    <t>神奈川県横浜市戸塚区原宿4-17-1</t>
  </si>
  <si>
    <t>神奈川県横浜市戸塚区吉田町88</t>
  </si>
  <si>
    <t>神奈川県横浜市戸塚区汲沢3-6-1</t>
  </si>
  <si>
    <t>神奈川県横浜市戸塚区平戸3-48-1</t>
  </si>
  <si>
    <t>神奈川県横浜市戸塚区川上町63-1</t>
  </si>
  <si>
    <t>神奈川県横浜市戸塚区柏尾町1317</t>
  </si>
  <si>
    <t>神奈川県横浜市戸塚区小雀町1845</t>
  </si>
  <si>
    <t>神奈川県横浜市戸塚区矢部町1698</t>
  </si>
  <si>
    <t>神奈川県横浜市戸塚区戸塚町2790-3</t>
  </si>
  <si>
    <t>神奈川県横浜市戸塚区平戸町542</t>
  </si>
  <si>
    <t>神奈川県横浜市戸塚区深谷町1688-2</t>
  </si>
  <si>
    <t>神奈川県横浜市戸塚区深谷町1312-1</t>
  </si>
  <si>
    <t>神奈川県横浜市戸塚区汲沢1-16-1</t>
  </si>
  <si>
    <t>神奈川県横浜市戸塚区名瀬町776</t>
  </si>
  <si>
    <t>神奈川県横浜市戸塚区平戸町1165</t>
  </si>
  <si>
    <t>神奈川県横浜市戸塚区鳥が丘53</t>
  </si>
  <si>
    <t>神奈川県横浜市戸塚区南舞岡4-15-1</t>
  </si>
  <si>
    <t>神奈川県横浜市戸塚区上矢部町1463-4</t>
  </si>
  <si>
    <t>神奈川県横浜市戸塚区品濃町504-1</t>
  </si>
  <si>
    <t>神奈川県横浜市戸塚区秋葉町392-1</t>
  </si>
  <si>
    <t>神奈川県横浜市戸塚区東俣野町1103-1</t>
  </si>
  <si>
    <t>神奈川県横浜市戸塚区舞岡町534</t>
  </si>
  <si>
    <t>神奈川県横浜市戸塚区上倉田町1426-6</t>
  </si>
  <si>
    <t>神奈川県横浜市戸塚区品濃町559</t>
  </si>
  <si>
    <t>神奈川県横浜市戸塚区戸塚町2447-2</t>
  </si>
  <si>
    <t>神奈川県横浜市栄区長沼町125-4</t>
  </si>
  <si>
    <t>神奈川県横浜市栄区田谷町1832</t>
  </si>
  <si>
    <t>神奈川県横浜市栄区飯島町771-2</t>
  </si>
  <si>
    <t>神奈川県横浜市栄区桂台南1-1-1</t>
  </si>
  <si>
    <t>神奈川県横浜市栄区本郷台1-6-1</t>
  </si>
  <si>
    <t>神奈川県横浜市栄区犬山町6-1</t>
  </si>
  <si>
    <t>神奈川県横浜市栄区本郷台4-31-1</t>
  </si>
  <si>
    <t>神奈川県横浜市栄区公田町354-3</t>
  </si>
  <si>
    <t>神奈川県横浜市栄区庄戸1-15-1</t>
  </si>
  <si>
    <t>神奈川県横浜市栄区小山台1-15-1</t>
  </si>
  <si>
    <t>神奈川県横浜市栄区笠間3-28-1</t>
  </si>
  <si>
    <t>神奈川県横浜市栄区上郷町242-2</t>
  </si>
  <si>
    <t>神奈川県横浜市泉区和泉中央南4-9-1</t>
  </si>
  <si>
    <t>神奈川県横浜市泉区岡津町2311</t>
  </si>
  <si>
    <t>神奈川県横浜市泉区中田南4-4-1</t>
  </si>
  <si>
    <t>神奈川県横浜市泉区和泉町987</t>
  </si>
  <si>
    <t>神奈川県横浜市泉区上飯田町1331</t>
  </si>
  <si>
    <t>神奈川県横浜市泉区中田東4-43-1</t>
  </si>
  <si>
    <t>神奈川県横浜市泉区新橋町909</t>
  </si>
  <si>
    <t>神奈川県横浜市泉区和泉中央北1-31-13</t>
  </si>
  <si>
    <t>神奈川県横浜市泉区和泉町1436</t>
  </si>
  <si>
    <t>神奈川県横浜市泉区中田南5-15-1</t>
  </si>
  <si>
    <t>神奈川県横浜市泉区和泉町6211</t>
  </si>
  <si>
    <t>神奈川県横浜市泉区西が岡3-12-11</t>
  </si>
  <si>
    <t>神奈川県横浜市泉区上飯田町3795</t>
  </si>
  <si>
    <t>神奈川県横浜市瀬谷区相沢4-1-1</t>
  </si>
  <si>
    <t>神奈川県横浜市瀬谷区阿久和東4-33-1</t>
  </si>
  <si>
    <t>神奈川県横浜市瀬谷区瀬谷町7140</t>
  </si>
  <si>
    <t>神奈川県横浜市瀬谷区南瀬谷1-1-1</t>
  </si>
  <si>
    <t>神奈川県横浜市瀬谷区橋戸2-41-1</t>
  </si>
  <si>
    <t>神奈川県横浜市瀬谷区相沢2-56-1</t>
  </si>
  <si>
    <t>神奈川県横浜市瀬谷区本郷3-47-5</t>
  </si>
  <si>
    <t>神奈川県横浜市瀬谷区下瀬谷3-58-1</t>
  </si>
  <si>
    <t>神奈川県横浜市瀬谷区阿久和南4-8-2</t>
  </si>
  <si>
    <t>神奈川県横浜市鶴見区市場下町1-1</t>
  </si>
  <si>
    <t>神奈川県横浜市鶴見区向井町4-83</t>
  </si>
  <si>
    <t>神奈川県横浜市鶴見区下末吉6-13-1</t>
  </si>
  <si>
    <t>神奈川県横浜市鶴見区鶴見中央3-14-1</t>
  </si>
  <si>
    <t>神奈川県横浜市鶴見区北寺尾3-13-1</t>
  </si>
  <si>
    <t>神奈川県横浜市鶴見区岸谷2-1-1</t>
  </si>
  <si>
    <t>神奈川県横浜市鶴見区寛政町23-1</t>
  </si>
  <si>
    <t>神奈川県横浜市鶴見区矢向1-8-24</t>
  </si>
  <si>
    <t>神奈川県横浜市鶴見区上の宮1-26-33</t>
  </si>
  <si>
    <t>神奈川県横浜市神奈川区白幡東町27-1</t>
  </si>
  <si>
    <t>神奈川県横浜市神奈川区栗田谷3-1</t>
  </si>
  <si>
    <t>神奈川県横浜市神奈川区六角橋5-33-1</t>
  </si>
  <si>
    <t>神奈川県横浜市神奈川区西大口141</t>
  </si>
  <si>
    <t>神奈川県横浜市神奈川区三ツ沢下町30-1</t>
  </si>
  <si>
    <t>神奈川県横浜市神奈川区西寺尾3-10-1</t>
  </si>
  <si>
    <t>神奈川県横浜市神奈川区菅田町2017</t>
  </si>
  <si>
    <t>神奈川県横浜市西区老松町27</t>
  </si>
  <si>
    <t>神奈川県横浜市西区岡野2-14-1</t>
  </si>
  <si>
    <t>神奈川県横浜市西区西戸部町3-286</t>
  </si>
  <si>
    <t>神奈川県横浜市西区北軽井沢24</t>
  </si>
  <si>
    <t>神奈川県横浜市中区山下町241</t>
  </si>
  <si>
    <t>神奈川県横浜市中区本牧原22-1</t>
  </si>
  <si>
    <t>神奈川県横浜市中区仲尾台23</t>
  </si>
  <si>
    <t>神奈川県横浜市中区本牧和田32-1</t>
  </si>
  <si>
    <t>神奈川県横浜市中区羽衣町3-84</t>
  </si>
  <si>
    <t>神奈川県横浜市南区東蒔田町1-5</t>
  </si>
  <si>
    <t>神奈川県横浜市南区平楽1</t>
  </si>
  <si>
    <t>神奈川県横浜市南区花之木町2-45</t>
  </si>
  <si>
    <t>神奈川県横浜市南区六ツ川1-14</t>
  </si>
  <si>
    <t>神奈川県横浜市南区別所3-6-1</t>
  </si>
  <si>
    <t>神奈川県横浜市南区永田みなみ台7-1</t>
  </si>
  <si>
    <t>神奈川県横浜市南区六ツ川3-81-11</t>
  </si>
  <si>
    <t>神奈川県横浜市南区大岡4-44-1</t>
  </si>
  <si>
    <t>神奈川県横浜市港南区港南中央通6-1</t>
  </si>
  <si>
    <t>神奈川県横浜市港南区上永谷4-12-14</t>
  </si>
  <si>
    <t>神奈川県横浜市港南区港南5-8-1</t>
  </si>
  <si>
    <t>神奈川県横浜市港南区港南台6-6-1</t>
  </si>
  <si>
    <t>神奈川県横浜市港南区芹が谷2-7-1</t>
  </si>
  <si>
    <t>神奈川県横浜市港南区日限山4-33-1</t>
  </si>
  <si>
    <t>神奈川県横浜市港南区港南台4-37-1</t>
  </si>
  <si>
    <t>神奈川県横浜市港南区東永谷2-14-7</t>
  </si>
  <si>
    <t>神奈川県横浜市港南区東永谷2-1-1</t>
  </si>
  <si>
    <t>神奈川県横浜市保土ケ谷区桜ケ丘2-6-1</t>
  </si>
  <si>
    <t>神奈川県横浜市保土ケ谷区釜台町3-1</t>
  </si>
  <si>
    <t>神奈川県横浜市保土ケ谷区宮田町1-100</t>
  </si>
  <si>
    <t>神奈川県横浜市保土ケ谷区岩井町308</t>
  </si>
  <si>
    <t>神奈川県横浜市保土ケ谷区川島町1208</t>
  </si>
  <si>
    <t>神奈川県横浜市保土ケ谷区上菅田町780</t>
  </si>
  <si>
    <t>神奈川県横浜市保土ケ谷区新井町43-7</t>
  </si>
  <si>
    <t>神奈川県横浜市保土ケ谷区仏向町1167-2</t>
  </si>
  <si>
    <t>神奈川県横浜市旭区鶴ケ峰本町3-28-1</t>
  </si>
  <si>
    <t>神奈川県横浜市旭区万騎が原31</t>
  </si>
  <si>
    <t>神奈川県横浜市旭区東希望が丘118</t>
  </si>
  <si>
    <t>神奈川県横浜市旭区上白根町868</t>
  </si>
  <si>
    <t>神奈川県横浜市旭区左近山1335-2</t>
  </si>
  <si>
    <t>神奈川県横浜市旭区今宿2-40-1</t>
  </si>
  <si>
    <t>神奈川県横浜市旭区南希望が丘108-8</t>
  </si>
  <si>
    <t>神奈川県横浜市旭区今宿東町825</t>
  </si>
  <si>
    <t>神奈川県横浜市旭区川島町1979</t>
  </si>
  <si>
    <t>神奈川県横浜市旭区若葉台1-13-1</t>
  </si>
  <si>
    <t>神奈川県横浜市旭区上白根2-47-1</t>
  </si>
  <si>
    <t>神奈川県横浜市磯子区西町17-13</t>
  </si>
  <si>
    <t>神奈川県横浜市磯子区杉田3-30-11</t>
  </si>
  <si>
    <t>神奈川県横浜市磯子区岡村1-14-1</t>
  </si>
  <si>
    <t>神奈川県横浜市磯子区汐見台1-2-1</t>
  </si>
  <si>
    <t>神奈川県横浜市磯子区洋光台2-5-1</t>
  </si>
  <si>
    <t>神奈川県横浜市磯子区洋光台6-41-1</t>
  </si>
  <si>
    <t>神奈川県横浜市磯子区森5-22-1</t>
  </si>
  <si>
    <t>神奈川県横浜市金沢区釜利谷東1-1-1</t>
  </si>
  <si>
    <t>神奈川県横浜市金沢区六浦1-24-4</t>
  </si>
  <si>
    <t>神奈川県横浜市金沢区大道1-85-1</t>
  </si>
  <si>
    <t>神奈川県横浜市金沢区西柴1-23-1</t>
  </si>
  <si>
    <t>神奈川県横浜市金沢区富岡西5-46-1</t>
  </si>
  <si>
    <t>神奈川県横浜市金沢区並木1-6-1</t>
  </si>
  <si>
    <t>神奈川県横浜市金沢区並木3-4-1</t>
  </si>
  <si>
    <t>神奈川県横浜市金沢区釜利谷南3-5-1</t>
  </si>
  <si>
    <t>神奈川県横浜市金沢区富岡西1-73-1</t>
  </si>
  <si>
    <t>神奈川県横浜市港北区小机町325</t>
  </si>
  <si>
    <t>神奈川県横浜市港北区新吉田東5-25-1</t>
  </si>
  <si>
    <t>神奈川県横浜市港北区日吉本町4-9-1</t>
  </si>
  <si>
    <t>神奈川県横浜市港北区大倉山3-40-1</t>
  </si>
  <si>
    <t>神奈川県横浜市港北区篠原町1342-3</t>
  </si>
  <si>
    <t>神奈川県横浜市港北区樽町4-15-1</t>
  </si>
  <si>
    <t>神奈川県横浜市港北区日吉本町5-44-1</t>
  </si>
  <si>
    <t>神奈川県横浜市港北区新羽町1434-4</t>
  </si>
  <si>
    <t>神奈川県横浜市港北区高田町2439</t>
  </si>
  <si>
    <t>神奈川県横浜市緑区長津田2-24-1</t>
  </si>
  <si>
    <t>神奈川県横浜市緑区寺山町653-21</t>
  </si>
  <si>
    <t>神奈川県横浜市緑区十日市場町1501-42</t>
  </si>
  <si>
    <t>神奈川県横浜市緑区鴨居5-12-35</t>
  </si>
  <si>
    <t>神奈川県横浜市緑区鴨居3-39-1</t>
  </si>
  <si>
    <t>神奈川県横浜市青葉区美しが丘5-4</t>
  </si>
  <si>
    <t>神奈川県横浜市青葉区梅が丘5</t>
  </si>
  <si>
    <t>神奈川県横浜市青葉区青葉台2-25-2</t>
  </si>
  <si>
    <t>神奈川県横浜市青葉区みたけ台30</t>
  </si>
  <si>
    <t>神奈川県横浜市青葉区美しが丘3-41-1</t>
  </si>
  <si>
    <t>神奈川県横浜市青葉区すすき野3-4-3</t>
  </si>
  <si>
    <t>神奈川県横浜市青葉区すみよし台36-3</t>
  </si>
  <si>
    <t>神奈川県横浜市青葉区千草台50-1</t>
  </si>
  <si>
    <t>神奈川県横浜市青葉区もえぎ野4-1</t>
  </si>
  <si>
    <t>神奈川県横浜市青葉区あざみ野1-29-1</t>
  </si>
  <si>
    <t>神奈川県横浜市青葉区鴨志田町536</t>
  </si>
  <si>
    <t>神奈川県横浜市青葉区市ケ尾町531-1</t>
  </si>
  <si>
    <t>神奈川県横浜市青葉区あかね台2-8-2</t>
  </si>
  <si>
    <t>神奈川県横浜市都筑区池辺町2818</t>
  </si>
  <si>
    <t>神奈川県横浜市都筑区大棚町240</t>
  </si>
  <si>
    <t>神奈川県横浜市都筑区富士見が丘21-1</t>
  </si>
  <si>
    <t>神奈川県横浜市都筑区茅ケ崎南1-10-1</t>
  </si>
  <si>
    <t>神奈川県横浜市都筑区荏田南2-5-1</t>
  </si>
  <si>
    <t>神奈川県横浜市都筑区中川2-1-1</t>
  </si>
  <si>
    <t>神奈川県横浜市都筑区東山田2-9-1</t>
  </si>
  <si>
    <t>神奈川県横浜市都筑区早渕2-4-1</t>
  </si>
  <si>
    <t>神奈川県横浜市戸塚区原宿4-12-1</t>
  </si>
  <si>
    <t>神奈川県横浜市戸塚区戸塚町4542</t>
  </si>
  <si>
    <t>神奈川県横浜市戸塚区舞岡町226</t>
  </si>
  <si>
    <t>神奈川県横浜市戸塚区平戸3-48-2</t>
  </si>
  <si>
    <t>神奈川県横浜市戸塚区下倉田町950</t>
  </si>
  <si>
    <t>神奈川県横浜市戸塚区汲沢町550-2</t>
  </si>
  <si>
    <t>神奈川県横浜市戸塚区名瀬町791-6</t>
  </si>
  <si>
    <t>神奈川県横浜市戸塚区深谷町1071</t>
  </si>
  <si>
    <t>神奈川県横浜市戸塚区秋葉町271-3</t>
  </si>
  <si>
    <t>神奈川県横浜市戸塚区平戸町993-4</t>
  </si>
  <si>
    <t>神奈川県横浜市戸塚区戸塚町1842-1</t>
  </si>
  <si>
    <t>神奈川県横浜市栄区桂町84-14</t>
  </si>
  <si>
    <t>神奈川県横浜市栄区犬山町6-2</t>
  </si>
  <si>
    <t>神奈川県横浜市栄区桂台中5-1</t>
  </si>
  <si>
    <t>神奈川県横浜市栄区飯島町746-1</t>
  </si>
  <si>
    <t>神奈川県横浜市栄区小山台1-14-1</t>
  </si>
  <si>
    <t>神奈川県横浜市泉区岡津町2346</t>
  </si>
  <si>
    <t>神奈川県横浜市泉区和泉中央北2-5-1</t>
  </si>
  <si>
    <t>神奈川県横浜市泉区和泉が丘3-29-1</t>
  </si>
  <si>
    <t>神奈川県横浜市泉区中田北2-20-1</t>
  </si>
  <si>
    <t>神奈川県横浜市泉区上飯田町2254</t>
  </si>
  <si>
    <t>神奈川県横浜市泉区和泉町6201</t>
  </si>
  <si>
    <t>神奈川県横浜市泉区領家4-3-1</t>
  </si>
  <si>
    <t>神奈川県横浜市瀬谷区中央5-41</t>
  </si>
  <si>
    <t>神奈川県横浜市瀬谷区阿久和西2-1-6</t>
  </si>
  <si>
    <t>神奈川県横浜市瀬谷区南台2-2-8</t>
  </si>
  <si>
    <t>神奈川県横浜市瀬谷区東野130</t>
  </si>
  <si>
    <t>神奈川県横浜市瀬谷区下瀬谷2-16-7</t>
  </si>
  <si>
    <t>神奈川県横浜市金沢区釜利谷西4-19-1</t>
  </si>
  <si>
    <t>神奈川県横浜市緑区霧が丘4-3（小学校）</t>
  </si>
  <si>
    <t>神奈川県横浜市鶴見区馬場3-5-1</t>
  </si>
  <si>
    <t>神奈川県横浜市中区山下町231</t>
  </si>
  <si>
    <t>神奈川県横浜市南区南太田2-30-1</t>
  </si>
  <si>
    <t>神奈川県横浜市磯子区丸山1-22-21</t>
  </si>
  <si>
    <t>神奈川県横浜市南区大岡2‐29‐1</t>
  </si>
  <si>
    <t>神奈川県横浜市保土ヶ谷区桜ヶ丘2-15-1</t>
  </si>
  <si>
    <t>神奈川県横浜市金沢区瀬戸22-1</t>
  </si>
  <si>
    <t>神奈川県横浜市戸塚区汲沢2-27-1</t>
  </si>
  <si>
    <t>神奈川県横浜市鶴見区小野町6</t>
  </si>
  <si>
    <t>神奈川県川崎市川崎区殿町1-17-19</t>
  </si>
  <si>
    <t>神奈川県川崎市川崎区四谷下町4-1</t>
  </si>
  <si>
    <t>神奈川県川崎市川崎区東門前3-4-6</t>
  </si>
  <si>
    <t>神奈川県川崎市川崎区東門前2-6-1</t>
  </si>
  <si>
    <t>神奈川県川崎市川崎区川中島2-4-19</t>
  </si>
  <si>
    <t>神奈川県川崎市川崎区藤崎3-2-1</t>
  </si>
  <si>
    <t>神奈川県川崎市川崎区桜本1-9-15</t>
  </si>
  <si>
    <t>神奈川県川崎市川崎区浜町1-5-1</t>
  </si>
  <si>
    <t>神奈川県川崎市川崎区田島町14-1</t>
  </si>
  <si>
    <t>神奈川県川崎市川崎区小田5-11-20</t>
  </si>
  <si>
    <t>神奈川県川崎市川崎区小田4-12-24</t>
  </si>
  <si>
    <t>神奈川県川崎市川崎区浅田2-11-21</t>
  </si>
  <si>
    <t>神奈川県川崎市川崎区大島5-25-1</t>
  </si>
  <si>
    <t>神奈川県川崎市川崎区大島4-17-1</t>
  </si>
  <si>
    <t>神奈川県川崎市川崎区渡田1-20-1</t>
  </si>
  <si>
    <t>神奈川県川崎市川崎区渡田新町3-15-1</t>
  </si>
  <si>
    <t>神奈川県川崎市川崎区旭町2-2-1</t>
  </si>
  <si>
    <t>神奈川県川崎市川崎区宮前町8-13</t>
  </si>
  <si>
    <t>神奈川県川崎市川崎区日進町20-1</t>
  </si>
  <si>
    <t>神奈川県川崎市川崎区京町1-1-4</t>
  </si>
  <si>
    <t>神奈川県川崎市幸区中幸町2-17</t>
  </si>
  <si>
    <t>神奈川県川崎市幸区都町18</t>
  </si>
  <si>
    <t>神奈川県川崎市幸区遠藤町1</t>
  </si>
  <si>
    <t>神奈川県川崎市幸区小向西町4-30</t>
  </si>
  <si>
    <t>神奈川県川崎市幸区戸手本町1-165</t>
  </si>
  <si>
    <t>神奈川県川崎市幸区古川町70</t>
  </si>
  <si>
    <t>神奈川県川崎市幸区東小倉1-1</t>
  </si>
  <si>
    <t>神奈川県川崎市幸区下平間175</t>
  </si>
  <si>
    <t>神奈川県川崎市幸区古市場1-1</t>
  </si>
  <si>
    <t>神奈川県川崎市幸区北加瀬1-37-1</t>
  </si>
  <si>
    <t>神奈川県川崎市幸区小倉2-20-1</t>
  </si>
  <si>
    <t>神奈川県川崎市幸区南加瀬4-24-1</t>
  </si>
  <si>
    <t>神奈川県川崎市幸区南加瀬2-13-1</t>
  </si>
  <si>
    <t>神奈川県川崎市中原区上平間585</t>
  </si>
  <si>
    <t>神奈川県川崎市中原区上平間1480</t>
  </si>
  <si>
    <t>神奈川県川崎市中原区北谷町32</t>
  </si>
  <si>
    <t>神奈川県川崎市中原区下沼部1955</t>
  </si>
  <si>
    <t>神奈川県川崎市中原区苅宿25-1</t>
  </si>
  <si>
    <t>神奈川県川崎市中原区木月4-53-1</t>
  </si>
  <si>
    <t>神奈川県川崎市中原区木月住吉町1-11</t>
  </si>
  <si>
    <t>神奈川県川崎市中原区木月祇園町17-1</t>
  </si>
  <si>
    <t>神奈川県川崎市中原区井田中ノ町29-1</t>
  </si>
  <si>
    <t>神奈川県川崎市中原区今井西町3-18</t>
  </si>
  <si>
    <t>神奈川県川崎市中原区上丸子八幡町815</t>
  </si>
  <si>
    <t>神奈川県川崎市中原区小杉陣屋町2-19-1</t>
  </si>
  <si>
    <t>神奈川県川崎市中原区小杉御殿町1-950</t>
  </si>
  <si>
    <t>神奈川県川崎市中原区宮内2-4-1</t>
  </si>
  <si>
    <t>神奈川県川崎市中原区下小田中1-4-1</t>
  </si>
  <si>
    <t>神奈川県川崎市中原区下小田中3-35-1</t>
  </si>
  <si>
    <t>神奈川県川崎市中原区下新城1-15-1</t>
  </si>
  <si>
    <t>神奈川県川崎市中原区上小田中1-27-1</t>
  </si>
  <si>
    <t>神奈川県川崎市高津区子母口730</t>
  </si>
  <si>
    <t>神奈川県川崎市高津区千年1024</t>
  </si>
  <si>
    <t>神奈川県川崎市高津区新作1-9-1</t>
  </si>
  <si>
    <t>神奈川県川崎市高津区北見方2-5-1</t>
  </si>
  <si>
    <t>神奈川県川崎市高津区坂戸1-18-1</t>
  </si>
  <si>
    <t>神奈川県川崎市高津区久本3-11-3</t>
  </si>
  <si>
    <t>神奈川県川崎市高津区下作延5-19-1</t>
  </si>
  <si>
    <t>神奈川県川崎市高津区溝口4-19-1</t>
  </si>
  <si>
    <t>神奈川県川崎市高津区梶ヶ谷4-12</t>
  </si>
  <si>
    <t>神奈川県川崎市高津区梶ヶ谷2-14-1</t>
  </si>
  <si>
    <t>神奈川県川崎市高津区久末647</t>
  </si>
  <si>
    <t>神奈川県川崎市高津区上作延559</t>
  </si>
  <si>
    <t>神奈川県川崎市高津区久地4-2-1</t>
  </si>
  <si>
    <t>神奈川県川崎市宮前区馬絹1-30-9</t>
  </si>
  <si>
    <t>神奈川県川崎市宮前区鷺沼2-1</t>
  </si>
  <si>
    <t>神奈川県川崎市宮前区東有馬5-12-1</t>
  </si>
  <si>
    <t>神奈川県川崎市宮前区有馬7-6-1</t>
  </si>
  <si>
    <t>神奈川県川崎市宮前区宮前平2-18-3</t>
  </si>
  <si>
    <t>神奈川県川崎市宮前区宮前平3-14-1</t>
  </si>
  <si>
    <t>神奈川県川崎市宮前区宮崎3-18</t>
  </si>
  <si>
    <t>神奈川県川崎市宮前区平1-6-1</t>
  </si>
  <si>
    <t>神奈川県川崎市宮前区平6-5-1</t>
  </si>
  <si>
    <t>神奈川県川崎市宮前区南平台13-1</t>
  </si>
  <si>
    <t>神奈川県川崎市宮前区菅生1-5-1</t>
  </si>
  <si>
    <t>神奈川県川崎市宮前区水沢3-7-1</t>
  </si>
  <si>
    <t>神奈川県川崎市宮前区犬蔵1-3-1</t>
  </si>
  <si>
    <t>神奈川県川崎市宮前区土橋3-1-11</t>
  </si>
  <si>
    <t>神奈川県川崎市多摩区宿河原3-18-1</t>
  </si>
  <si>
    <t>神奈川県川崎市多摩区長尾7-28-1</t>
  </si>
  <si>
    <t>神奈川県川崎市多摩区宿河原2-1-1</t>
  </si>
  <si>
    <t>神奈川県川崎市多摩区登戸1329</t>
  </si>
  <si>
    <t>神奈川県川崎市多摩区中野島3-12-1</t>
  </si>
  <si>
    <t>神奈川県川崎市多摩区布田23-1</t>
  </si>
  <si>
    <t>神奈川県川崎市多摩区菅馬場2-19-1</t>
  </si>
  <si>
    <t>神奈川県川崎市多摩区菅馬場3-25-1</t>
  </si>
  <si>
    <t>神奈川県川崎市多摩区菅北浦4-2-1</t>
  </si>
  <si>
    <t>神奈川県川崎市多摩区菅2-6-1</t>
  </si>
  <si>
    <t>神奈川県川崎市多摩区枡形4-9-1</t>
  </si>
  <si>
    <t>神奈川県川崎市多摩区三田3-6-4</t>
  </si>
  <si>
    <t>神奈川県川崎市多摩区生田7-22-1</t>
  </si>
  <si>
    <t>神奈川県川崎市多摩区南生田3-1-1</t>
  </si>
  <si>
    <t>神奈川県川崎市麻生区東百合丘2-24-7</t>
  </si>
  <si>
    <t>神奈川県川崎市麻生区細山2-2-1</t>
  </si>
  <si>
    <t>神奈川県川崎市麻生区千代ヶ丘8-9-1</t>
  </si>
  <si>
    <t>神奈川県川崎市麻生区金程2-10-1</t>
  </si>
  <si>
    <t>神奈川県川崎市麻生区百合丘2-1-2</t>
  </si>
  <si>
    <t>神奈川県川崎市麻生区王禅寺西1-26-1</t>
  </si>
  <si>
    <t>神奈川県川崎市麻生区上麻生3-24-1</t>
  </si>
  <si>
    <t>神奈川県川崎市麻生区王禅寺東6-3-1</t>
  </si>
  <si>
    <t>神奈川県川崎市麻生区白山5-3-1</t>
  </si>
  <si>
    <t>神奈川県川崎市麻生区虹ヶ丘1-21-2</t>
  </si>
  <si>
    <t>神奈川県川崎市麻生区王禅寺東4-14-1</t>
  </si>
  <si>
    <t>神奈川県川崎市麻生区片平3-3-1</t>
  </si>
  <si>
    <t>神奈川県川崎市麻生区岡上675-1</t>
  </si>
  <si>
    <t>神奈川県川崎市麻生区片平5-28-1</t>
  </si>
  <si>
    <t>神奈川県川崎市麻生区栗木台5-15-1</t>
  </si>
  <si>
    <t>神奈川県川崎市麻生区はるひ野4-8-1</t>
  </si>
  <si>
    <t>神奈川県川崎市川崎区大師河原2-1-1</t>
  </si>
  <si>
    <t>神奈川県川崎市川崎区四谷上町24-1</t>
  </si>
  <si>
    <t>神奈川県川崎市川崎区藤崎2-19-1</t>
  </si>
  <si>
    <t>神奈川県川崎市川崎区池上新町1-2-4</t>
  </si>
  <si>
    <t>神奈川県川崎市川崎区浜町2-11-22</t>
  </si>
  <si>
    <t>神奈川県川崎市川崎区小田2-21-7</t>
  </si>
  <si>
    <t>神奈川県川崎市川崎区京町3-19-11</t>
  </si>
  <si>
    <t>神奈川県川崎市川崎区渡田向町11-1</t>
  </si>
  <si>
    <t>神奈川県川崎市川崎区富士見2-1-2</t>
  </si>
  <si>
    <t>神奈川県川崎市川崎区下並木50</t>
  </si>
  <si>
    <t>神奈川県川崎市川崎区中島3-3-1</t>
  </si>
  <si>
    <t>神奈川県川崎市幸区中幸町4-31</t>
  </si>
  <si>
    <t>神奈川県川崎市幸区戸手4-2-1</t>
  </si>
  <si>
    <t>神奈川県川崎市幸区塚越1-60</t>
  </si>
  <si>
    <t>神奈川県川崎市幸区北加瀬2-3-1</t>
  </si>
  <si>
    <t>神奈川県川崎市幸区南加瀬3-10-1</t>
  </si>
  <si>
    <t>神奈川県川崎市中原区上平間1368</t>
  </si>
  <si>
    <t>神奈川県川崎市中原区中丸子562</t>
  </si>
  <si>
    <t>神奈川県川崎市中原区木月住吉町27-1</t>
  </si>
  <si>
    <t>神奈川県川崎市中原区井田杉山町11-1</t>
  </si>
  <si>
    <t>神奈川県川崎市中原区今井仲町7-1</t>
  </si>
  <si>
    <t>神奈川県川崎市中原区小杉陣屋町1-24-1</t>
  </si>
  <si>
    <t>神奈川県川崎市中原区宮内4-13-1</t>
  </si>
  <si>
    <t>神奈川県川崎市中原区下小田中2-17-1</t>
  </si>
  <si>
    <t>神奈川県川崎市高津区千年1300</t>
  </si>
  <si>
    <t>神奈川県川崎市高津区久本3-11-2</t>
  </si>
  <si>
    <t>神奈川県川崎市高津区久地1-10-1</t>
  </si>
  <si>
    <t>神奈川県川崎市宮前区宮崎107</t>
  </si>
  <si>
    <t>神奈川県川崎市宮前区有馬7-7-1</t>
  </si>
  <si>
    <t>神奈川県川崎市宮前区宮前平2-7</t>
  </si>
  <si>
    <t>神奈川県川崎市宮前区神木本町5-11-1</t>
  </si>
  <si>
    <t>神奈川県川崎市宮前区平3-15-1</t>
  </si>
  <si>
    <t>神奈川県川崎市宮前区菅生2-10-1</t>
  </si>
  <si>
    <t>神奈川県川崎市宮前区犬蔵1-10-1</t>
  </si>
  <si>
    <t>神奈川県川崎市多摩区宿河原4-1-1</t>
  </si>
  <si>
    <t>神奈川県川崎市多摩区枡形1-22-1</t>
  </si>
  <si>
    <t>神奈川県川崎市多摩区中野島1-16-1</t>
  </si>
  <si>
    <t>神奈川県川崎市多摩区菅馬場4-1-1</t>
  </si>
  <si>
    <t>神奈川県川崎市多摩区菅城下28-1</t>
  </si>
  <si>
    <t>神奈川県川崎市多摩区三田2-5420-2</t>
  </si>
  <si>
    <t>神奈川県川崎市多摩区南生田3-4-1</t>
  </si>
  <si>
    <t>神奈川県川崎市麻生区高石3-25-1</t>
  </si>
  <si>
    <t>神奈川県川崎市麻生区金程3-16-1</t>
  </si>
  <si>
    <t>神奈川県川崎市麻生区東百合丘4-12-1</t>
  </si>
  <si>
    <t>神奈川県川崎市麻生区上麻生4-39-1</t>
  </si>
  <si>
    <t>神奈川県川崎市麻生区上麻生6-40-1</t>
  </si>
  <si>
    <t>神奈川県川崎市麻生区白鳥1-5-1</t>
  </si>
  <si>
    <t>神奈川県川崎市麻生区王禅寺東4-14-2</t>
  </si>
  <si>
    <t>神奈川県川崎市幸区戸手本町1-150</t>
  </si>
  <si>
    <t>神奈川県川崎市幸区小向仲野町5-1</t>
  </si>
  <si>
    <t>神奈川県川崎市高津区久本3-11-1</t>
  </si>
  <si>
    <t>神奈川県相模原市緑区大島1566</t>
  </si>
  <si>
    <t>神奈川県相模原市緑区下九沢459-1</t>
  </si>
  <si>
    <t>神奈川県相模原市緑区大島1121-19</t>
  </si>
  <si>
    <t>神奈川県相模原市緑区大島1859-3</t>
  </si>
  <si>
    <t>神奈川県相模原市緑区小倉1573</t>
  </si>
  <si>
    <t>神奈川県相模原市緑区広田9-5</t>
  </si>
  <si>
    <t>神奈川県相模原市緑区中野600</t>
  </si>
  <si>
    <t>神奈川県相模原市緑区根小屋1580</t>
  </si>
  <si>
    <t>神奈川県相模原市緑区長竹1424</t>
  </si>
  <si>
    <t>神奈川県相模原市緑区三ヶ木39-7</t>
  </si>
  <si>
    <t>神奈川県相模原市緑区青野原1250-1</t>
  </si>
  <si>
    <t>神奈川県相模原市緑区与瀬877</t>
  </si>
  <si>
    <t>神奈川県相模原市緑区千木良1035</t>
  </si>
  <si>
    <t>神奈川県相模原市緑区寸沢嵐833</t>
  </si>
  <si>
    <t>神奈川県相模原市緑区佐野川1901</t>
  </si>
  <si>
    <t>神奈川県相模原市緑区日連549</t>
  </si>
  <si>
    <t>神奈川県相模原市緑区牧野4327</t>
  </si>
  <si>
    <t>神奈川県相模原市中央区田名5091-1</t>
  </si>
  <si>
    <t>神奈川県相模原市中央区向陽町8-33</t>
  </si>
  <si>
    <t>神奈川県相模原市中央区上溝782-1</t>
  </si>
  <si>
    <t>神奈川県相模原市中央区田名1932-1</t>
  </si>
  <si>
    <t>神奈川県相模原市中央区田名7019</t>
  </si>
  <si>
    <t>神奈川県相模原市南区磯部1028-5</t>
  </si>
  <si>
    <t>神奈川県相模原市南区下溝713</t>
  </si>
  <si>
    <t>神奈川県相模原市南区旭町24-5</t>
  </si>
  <si>
    <t>神奈川県相模原市南区新磯野2329</t>
  </si>
  <si>
    <t>神奈川県相模原市南区当麻490-2</t>
  </si>
  <si>
    <t>神奈川県相模原市緑区大島1800</t>
  </si>
  <si>
    <t>神奈川県相模原市緑区下九沢2845</t>
  </si>
  <si>
    <t>神奈川県相模原市緑区中野960</t>
  </si>
  <si>
    <t>神奈川県相模原市緑区長竹1469</t>
  </si>
  <si>
    <t>神奈川県相模原市緑区鳥屋1339</t>
  </si>
  <si>
    <t>神奈川県相模原市緑区与瀬1019-5</t>
  </si>
  <si>
    <t>神奈川県相模原市緑区寸沢嵐2742-4</t>
  </si>
  <si>
    <t>神奈川県相模原市緑区小渕2082</t>
  </si>
  <si>
    <t>神奈川県相模原市中央区田名5250-1</t>
  </si>
  <si>
    <t>神奈川県相模原市中央区上溝2322-2</t>
  </si>
  <si>
    <t>神奈川県相模原市南区磯部1540</t>
  </si>
  <si>
    <t>神奈川県相模原市南区桜台20-1</t>
  </si>
  <si>
    <t>神奈川県相模原市南区新磯野2046</t>
  </si>
  <si>
    <t>神奈川県横須賀市鷹取2-16-1</t>
  </si>
  <si>
    <t>神奈川県横須賀市浦郷町4-35</t>
  </si>
  <si>
    <t>神奈川県横須賀市追浜東町2-14</t>
  </si>
  <si>
    <t>神奈川県横須賀市湘南鷹取4-7-1</t>
  </si>
  <si>
    <t>神奈川県横須賀市船越町5-34</t>
  </si>
  <si>
    <t>神奈川県横須賀市田浦町3-55</t>
  </si>
  <si>
    <t>神奈川県横須賀市安針台3-1</t>
  </si>
  <si>
    <t>神奈川県横須賀市西逸見町1-14</t>
  </si>
  <si>
    <t>神奈川県横須賀市東逸見町3-35</t>
  </si>
  <si>
    <t>神奈川県横須賀市坂本町1-19</t>
  </si>
  <si>
    <t>神奈川県横須賀市汐入町2-53</t>
  </si>
  <si>
    <t>神奈川県横須賀市小川町18</t>
  </si>
  <si>
    <t>神奈川県横須賀市米が浜通2-12</t>
  </si>
  <si>
    <t>神奈川県横須賀市三春町6-4</t>
  </si>
  <si>
    <t>神奈川県横須賀市上町3-21</t>
  </si>
  <si>
    <t>神奈川県横須賀市不入斗町1-1</t>
  </si>
  <si>
    <t>神奈川県横須賀市公郷町4-5</t>
  </si>
  <si>
    <t>神奈川県横須賀市池上3-5-1</t>
  </si>
  <si>
    <t>神奈川県横須賀市平作1-6-1</t>
  </si>
  <si>
    <t>神奈川県横須賀市小矢部2-16-1</t>
  </si>
  <si>
    <t>神奈川県横須賀市大矢部3-26-1</t>
  </si>
  <si>
    <t>神奈川県横須賀市森崎3-13-1</t>
  </si>
  <si>
    <t>神奈川県横須賀市大津町3-24-1</t>
  </si>
  <si>
    <t>神奈川県横須賀市大津町5-5-1</t>
  </si>
  <si>
    <t>神奈川県横須賀市走水2-2-2</t>
  </si>
  <si>
    <t>神奈川県横須賀市馬堀町4-10-1</t>
  </si>
  <si>
    <t>神奈川県横須賀市桜が丘1-50-1</t>
  </si>
  <si>
    <t>神奈川県横須賀市池田町3-1-1</t>
  </si>
  <si>
    <t>神奈川県横須賀市浦賀3-8-1</t>
  </si>
  <si>
    <t>神奈川県横須賀市小原台3-1</t>
  </si>
  <si>
    <t>神奈川県横須賀市鴨居3-1-6</t>
  </si>
  <si>
    <t>神奈川県横須賀市西浦賀3-1-1</t>
  </si>
  <si>
    <t>神奈川県横須賀市岩戸5-20-1</t>
  </si>
  <si>
    <t>神奈川県横須賀市久里浜6-6-1</t>
  </si>
  <si>
    <t>神奈川県横須賀市久里浜6-7-1</t>
  </si>
  <si>
    <t>神奈川県横須賀市神明町407</t>
  </si>
  <si>
    <t>神奈川県横須賀市ハイランド2-41-1</t>
  </si>
  <si>
    <t>神奈川県横須賀市野比1-25-1</t>
  </si>
  <si>
    <t>神奈川県横須賀市野比4-6-1</t>
  </si>
  <si>
    <t>神奈川県横須賀市長沢1-29-1</t>
  </si>
  <si>
    <t>神奈川県横須賀市津久井5-2-1</t>
  </si>
  <si>
    <t>神奈川県横須賀市長井5-9-1</t>
  </si>
  <si>
    <t>神奈川県横須賀市武3-19-1</t>
  </si>
  <si>
    <t>神奈川県横須賀市太田和3-1-1</t>
  </si>
  <si>
    <t>神奈川県横須賀市荻野8-1</t>
  </si>
  <si>
    <t>神奈川県横須賀市芦名1-29-18</t>
  </si>
  <si>
    <t>神奈川県横須賀市夏島町12</t>
  </si>
  <si>
    <t>神奈川県横須賀市湘南鷹取2-30-1</t>
  </si>
  <si>
    <t>神奈川県横須賀市船越町7-66</t>
  </si>
  <si>
    <t>神奈川県横須賀市公郷町5-81</t>
  </si>
  <si>
    <t>神奈川県横須賀市平作2-31-1</t>
  </si>
  <si>
    <t>神奈川県横須賀市森崎5-14-2</t>
  </si>
  <si>
    <t>神奈川県横須賀市大津町5-2-1</t>
  </si>
  <si>
    <t>神奈川県横須賀市馬堀町4-10-2</t>
  </si>
  <si>
    <t>神奈川県横須賀市浦賀3-26-1</t>
  </si>
  <si>
    <t>神奈川県横須賀市鴨居3-2-2</t>
  </si>
  <si>
    <t>神奈川県横須賀市岩戸5-6-3</t>
  </si>
  <si>
    <t>神奈川県横須賀市久里浜2-11-1</t>
  </si>
  <si>
    <t>神奈川県横須賀市神明町903</t>
  </si>
  <si>
    <t>神奈川県横須賀市野比4-4-1</t>
  </si>
  <si>
    <t>神奈川県横須賀市長沢1-30-17</t>
  </si>
  <si>
    <t>神奈川県横須賀市長沢5-1-1</t>
  </si>
  <si>
    <t>神奈川県横須賀市長井5-12-1</t>
  </si>
  <si>
    <t>神奈川県横須賀市武3-31-1</t>
  </si>
  <si>
    <t>神奈川県横須賀市芦名1-2-1</t>
  </si>
  <si>
    <t>神奈川県横須賀市久里浜6-1-1</t>
  </si>
  <si>
    <t>神奈川県平塚市浅間町4-3</t>
  </si>
  <si>
    <t>神奈川県平塚市夕陽ヶ丘22-1</t>
  </si>
  <si>
    <t>神奈川県平塚市天沼7-10</t>
  </si>
  <si>
    <t>神奈川県平塚市中里10-1</t>
  </si>
  <si>
    <t>神奈川県平塚市龍城ヶ丘5-62</t>
  </si>
  <si>
    <t>神奈川県平塚市河内307</t>
  </si>
  <si>
    <t>神奈川県平塚市東真土2-1-1</t>
  </si>
  <si>
    <t>神奈川県平塚市御殿2-8-9</t>
  </si>
  <si>
    <t>神奈川県平塚市豊田宮下552</t>
  </si>
  <si>
    <t>神奈川県平塚市田村6-1-1</t>
  </si>
  <si>
    <t>神奈川県平塚市小鍋島608-3</t>
  </si>
  <si>
    <t>神奈川県平塚市岡崎3430</t>
  </si>
  <si>
    <t>神奈川県平塚市入野514</t>
  </si>
  <si>
    <t>神奈川県平塚市土屋3004-2</t>
  </si>
  <si>
    <t>神奈川県平塚市上吉沢465</t>
  </si>
  <si>
    <t>神奈川県平塚市南金目907</t>
  </si>
  <si>
    <t>神奈川県平塚市片岡991-1</t>
  </si>
  <si>
    <t>神奈川県平塚市横内2687</t>
  </si>
  <si>
    <t>神奈川県平塚市東八幡3-8-1</t>
  </si>
  <si>
    <t>神奈川県平塚市南原1-11-31</t>
  </si>
  <si>
    <t>神奈川県平塚市西真土4-3-1</t>
  </si>
  <si>
    <t>神奈川県平塚市東中原1-12-2</t>
  </si>
  <si>
    <t>神奈川県平塚市花水台42-1</t>
  </si>
  <si>
    <t>神奈川県平塚市高村45</t>
  </si>
  <si>
    <t>神奈川県平塚市纒226</t>
  </si>
  <si>
    <t>神奈川県平塚市北金目2-39-1</t>
  </si>
  <si>
    <t>神奈川県平塚市大原1-14</t>
  </si>
  <si>
    <t>神奈川県平塚市浅間町8-1</t>
  </si>
  <si>
    <t>神奈川県平塚市高浜台7-1</t>
  </si>
  <si>
    <t>神奈川県平塚市中里33-1</t>
  </si>
  <si>
    <t>神奈川県平塚市龍城ヶ丘4-26</t>
  </si>
  <si>
    <t>神奈川県平塚市東中原1-12-1</t>
  </si>
  <si>
    <t>神奈川県平塚市田村4-31-1</t>
  </si>
  <si>
    <t>神奈川県平塚市土屋2244</t>
  </si>
  <si>
    <t>神奈川県平塚市広川12</t>
  </si>
  <si>
    <t>神奈川県平塚市御殿4-5-1</t>
  </si>
  <si>
    <t>神奈川県平塚市城所649</t>
  </si>
  <si>
    <t>神奈川県平塚市高村166</t>
  </si>
  <si>
    <t>神奈川県平塚市四之宮1-10-1</t>
  </si>
  <si>
    <t>神奈川県平塚市南金目1013-2</t>
  </si>
  <si>
    <t>神奈川県平塚市横内1948-3</t>
  </si>
  <si>
    <t>神奈川県平塚市日向岡2-9-1</t>
  </si>
  <si>
    <t>神奈川県鎌倉市由比ガ浜2-9-55</t>
  </si>
  <si>
    <t>神奈川県鎌倉市二階堂878</t>
  </si>
  <si>
    <t>神奈川県鎌倉市御成町19-1</t>
  </si>
  <si>
    <t>神奈川県鎌倉市極楽寺3-2-3</t>
  </si>
  <si>
    <t>神奈川県鎌倉市腰越5-7-1</t>
  </si>
  <si>
    <t>神奈川県鎌倉市梶原1-11-1</t>
  </si>
  <si>
    <t>神奈川県鎌倉市小袋谷587</t>
  </si>
  <si>
    <t>神奈川県鎌倉市玉縄1-860</t>
  </si>
  <si>
    <t>神奈川県鎌倉市大船2-8-1</t>
  </si>
  <si>
    <t>神奈川県鎌倉市山崎2500</t>
  </si>
  <si>
    <t>神奈川県鎌倉市今泉2-13-1</t>
  </si>
  <si>
    <t>神奈川県鎌倉市津1069</t>
  </si>
  <si>
    <t>神奈川県鎌倉市七里ガ浜東5-3-2</t>
  </si>
  <si>
    <t>神奈川県鎌倉市上町屋810</t>
  </si>
  <si>
    <t>神奈川県鎌倉市関谷468-1</t>
  </si>
  <si>
    <t>神奈川県鎌倉市植木1</t>
  </si>
  <si>
    <t>神奈川県鎌倉市材木座6-19-19</t>
  </si>
  <si>
    <t>神奈川県鎌倉市西御門1-7-1</t>
  </si>
  <si>
    <t>神奈川県鎌倉市笹目町2-1</t>
  </si>
  <si>
    <t>神奈川県鎌倉市腰越4-11-20</t>
  </si>
  <si>
    <t>神奈川県鎌倉市梶原1-14-1</t>
  </si>
  <si>
    <t>神奈川県鎌倉市大船4-1-25</t>
  </si>
  <si>
    <t>神奈川県鎌倉市岡本1100</t>
  </si>
  <si>
    <t>神奈川県鎌倉市岩瀬840</t>
  </si>
  <si>
    <t>神奈川県鎌倉市手広5-7-1</t>
  </si>
  <si>
    <t>神奈川県藤沢市本町1ｰ9ｰ1</t>
  </si>
  <si>
    <t>神奈川県藤沢市城南3-3-1</t>
  </si>
  <si>
    <t>神奈川県藤沢市本鵠沼5-4-23</t>
  </si>
  <si>
    <t>神奈川県藤沢市本町2-6-17</t>
  </si>
  <si>
    <t>神奈川県藤沢市弥勒寺1-16-1</t>
  </si>
  <si>
    <t>神奈川県藤沢市亀井野550</t>
  </si>
  <si>
    <t>神奈川県藤沢市辻堂東海岸1-17-1</t>
  </si>
  <si>
    <t>神奈川県藤沢市鵠沼桜が岡3-16-38</t>
  </si>
  <si>
    <t>神奈川県藤沢市片瀬2-14-29</t>
  </si>
  <si>
    <t>神奈川県藤沢市朝日町3-3</t>
  </si>
  <si>
    <t>神奈川県藤沢市遠藤2959</t>
  </si>
  <si>
    <t>神奈川県藤沢市打戻1902</t>
  </si>
  <si>
    <t>神奈川県藤沢市長後770</t>
  </si>
  <si>
    <t>神奈川県藤沢市辻堂元町3-1-6</t>
  </si>
  <si>
    <t>神奈川県藤沢市辻堂西海岸1-3-1</t>
  </si>
  <si>
    <t>神奈川県藤沢市善行団地6-1</t>
  </si>
  <si>
    <t>神奈川県藤沢市鵠沼海岸4-7-34</t>
  </si>
  <si>
    <t>神奈川県藤沢市辻堂西海岸1-4-1</t>
  </si>
  <si>
    <t>神奈川県藤沢市西俣野2660</t>
  </si>
  <si>
    <t>神奈川県藤沢市善行坂1-19-1</t>
  </si>
  <si>
    <t>神奈川県藤沢市羽鳥3-11-1</t>
  </si>
  <si>
    <t>神奈川県藤沢市湘南台5-23</t>
  </si>
  <si>
    <t>神奈川県藤沢市大庭5307-7</t>
  </si>
  <si>
    <t>神奈川県藤沢市亀井野3-31</t>
  </si>
  <si>
    <t>神奈川県藤沢市川名400</t>
  </si>
  <si>
    <t>神奈川県藤沢市獺郷68</t>
  </si>
  <si>
    <t>神奈川県藤沢市遠藤641-3</t>
  </si>
  <si>
    <t>神奈川県藤沢市大鋸1020</t>
  </si>
  <si>
    <t>神奈川県藤沢市天神町1-1</t>
  </si>
  <si>
    <t>神奈川県藤沢市大庭5527-2</t>
  </si>
  <si>
    <t>神奈川県藤沢市高谷9-1</t>
  </si>
  <si>
    <t>神奈川県藤沢市大庭5062-1</t>
  </si>
  <si>
    <t>神奈川県藤沢市大鋸1433</t>
  </si>
  <si>
    <t>神奈川県藤沢市石川4-19-1</t>
  </si>
  <si>
    <t>神奈川県藤沢市鵠沼神明5-10-9</t>
  </si>
  <si>
    <t>神奈川県藤沢市辻堂新町2-13-1</t>
  </si>
  <si>
    <t>神奈川県藤沢市鵠沼桜が岡4-3-37</t>
  </si>
  <si>
    <t>神奈川県藤沢市亀井野1000</t>
  </si>
  <si>
    <t>神奈川県藤沢市片瀬山4-1-1</t>
  </si>
  <si>
    <t>神奈川県藤沢市用田500</t>
  </si>
  <si>
    <t>神奈川県藤沢市辻堂東海岸4-17-1</t>
  </si>
  <si>
    <t>神奈川県藤沢市下土棚590</t>
  </si>
  <si>
    <t>神奈川県藤沢市藤が岡3-18-1</t>
  </si>
  <si>
    <t>神奈川県藤沢市辻堂西海岸1-4-3</t>
  </si>
  <si>
    <t>神奈川県藤沢市石川3988-1</t>
  </si>
  <si>
    <t>神奈川県藤沢市遠藤2000-2</t>
  </si>
  <si>
    <t>神奈川県藤沢市大庭5416-6</t>
  </si>
  <si>
    <t>神奈川県藤沢市弥勒寺2-1-27</t>
  </si>
  <si>
    <t>神奈川県藤沢市湘南台7-18-1</t>
  </si>
  <si>
    <t>神奈川県藤沢市高倉1122</t>
  </si>
  <si>
    <t>神奈川県藤沢市遠藤699-3</t>
  </si>
  <si>
    <t>神奈川県藤沢市大鋸1400</t>
  </si>
  <si>
    <t>神奈川県藤沢市羽鳥4-13-14</t>
  </si>
  <si>
    <t>神奈川県小田原市本町1-12-49</t>
  </si>
  <si>
    <t>神奈川県小田原市浜町2-1-20</t>
  </si>
  <si>
    <t>神奈川県小田原市扇町3-21-7</t>
  </si>
  <si>
    <t>神奈川県小田原市扇町1-37-7</t>
  </si>
  <si>
    <t>神奈川県小田原市板橋985</t>
  </si>
  <si>
    <t>神奈川県小田原市早川2-14-1</t>
  </si>
  <si>
    <t>神奈川県小田原市東町2-9-1</t>
  </si>
  <si>
    <t>神奈川県小田原市久野1561</t>
  </si>
  <si>
    <t>神奈川県小田原市飯田岡481</t>
  </si>
  <si>
    <t>神奈川県小田原市寿町2-7-25</t>
  </si>
  <si>
    <t>神奈川県小田原市酒匂930</t>
  </si>
  <si>
    <t>神奈川県小田原市曽比1943</t>
  </si>
  <si>
    <t>神奈川県小田原市千代687</t>
  </si>
  <si>
    <t>神奈川県小田原市曽我原333</t>
  </si>
  <si>
    <t>神奈川県小田原市国府津2485</t>
  </si>
  <si>
    <t>神奈川県小田原市酒匂5-15-3</t>
  </si>
  <si>
    <t>神奈川県小田原市根府川534-1</t>
  </si>
  <si>
    <t>神奈川県小田原市曽我大沢69</t>
  </si>
  <si>
    <t>神奈川県小田原市中曽根359-1</t>
  </si>
  <si>
    <t>神奈川県小田原市前川858</t>
  </si>
  <si>
    <t>神奈川県小田原市小船178</t>
  </si>
  <si>
    <t>神奈川県小田原市矢作227</t>
  </si>
  <si>
    <t>神奈川県小田原市小台405</t>
  </si>
  <si>
    <t>神奈川県小田原市成田530-1</t>
  </si>
  <si>
    <t>神奈川県小田原市南鴨宮3-25-1</t>
  </si>
  <si>
    <t>神奈川県小田原市城山3-4-1</t>
  </si>
  <si>
    <t>神奈川県小田原市東町4-13-1</t>
  </si>
  <si>
    <t>神奈川県小田原市扇町5-7-17</t>
  </si>
  <si>
    <t>神奈川県小田原市板橋875-1</t>
  </si>
  <si>
    <t>神奈川県小田原市鴨宮547</t>
  </si>
  <si>
    <t>神奈川県小田原市千代800</t>
  </si>
  <si>
    <t>神奈川県小田原市国府津2372</t>
  </si>
  <si>
    <t>神奈川県小田原市酒匂3-4-1</t>
  </si>
  <si>
    <t>神奈川県小田原市飯田岡22</t>
  </si>
  <si>
    <t>神奈川県小田原市羽根尾410</t>
  </si>
  <si>
    <t>神奈川県小田原市栢山2888</t>
  </si>
  <si>
    <t>神奈川県茅ヶ崎市共恵1-10-23</t>
  </si>
  <si>
    <t>神奈川県茅ヶ崎市浜之郷477</t>
  </si>
  <si>
    <t>神奈川県茅ヶ崎市菱沼1-1-1</t>
  </si>
  <si>
    <t>神奈川県茅ヶ崎市南湖6-5-8</t>
  </si>
  <si>
    <t>神奈川県茅ヶ崎市芹沢944</t>
  </si>
  <si>
    <t>神奈川県茅ヶ崎市松浪1-1-61</t>
  </si>
  <si>
    <t>神奈川県茅ヶ崎市茅ケ崎1-6-1</t>
  </si>
  <si>
    <t>神奈川県茅ヶ崎市香川1-33-1</t>
  </si>
  <si>
    <t>神奈川県茅ヶ崎市白浜町3-1</t>
  </si>
  <si>
    <t>神奈川県茅ヶ崎市鶴が台12-1</t>
  </si>
  <si>
    <t>神奈川県茅ヶ崎市柳島1594</t>
  </si>
  <si>
    <t>神奈川県茅ヶ崎市小和田3-10-1</t>
  </si>
  <si>
    <t>神奈川県茅ヶ崎市円蔵1-13-1</t>
  </si>
  <si>
    <t>神奈川県茅ヶ崎市今宿192</t>
  </si>
  <si>
    <t>神奈川県茅ヶ崎市室田1-1-1</t>
  </si>
  <si>
    <t>神奈川県茅ヶ崎市東海岸南4-10-1</t>
  </si>
  <si>
    <t>神奈川県茅ヶ崎市浜之郷90</t>
  </si>
  <si>
    <t>神奈川県茅ヶ崎市緑が浜1-1</t>
  </si>
  <si>
    <t>神奈川県茅ヶ崎市汐見台3-11</t>
  </si>
  <si>
    <t>神奈川県茅ヶ崎市浜之郷500</t>
  </si>
  <si>
    <t>神奈川県茅ヶ崎市室田3-1-1</t>
  </si>
  <si>
    <t>神奈川県茅ヶ崎市南湖6-15-3</t>
  </si>
  <si>
    <t>神奈川県茅ヶ崎市松浪2-6-47</t>
  </si>
  <si>
    <t>神奈川県茅ヶ崎市十間坂3-6-25</t>
  </si>
  <si>
    <t>神奈川県茅ヶ崎市鶴が台2-7</t>
  </si>
  <si>
    <t>神奈川県茅ヶ崎市松が丘2-8-54</t>
  </si>
  <si>
    <t>神奈川県茅ヶ崎市下寺尾1660</t>
  </si>
  <si>
    <t>神奈川県茅ヶ崎市中島1469-2</t>
  </si>
  <si>
    <t>神奈川県茅ヶ崎市円蔵1-15-1</t>
  </si>
  <si>
    <t>神奈川県茅ヶ崎市赤羽根3030</t>
  </si>
  <si>
    <t>神奈川県茅ヶ崎市萩園2425</t>
  </si>
  <si>
    <t>神奈川県逗子市逗子4-2-45</t>
  </si>
  <si>
    <t>神奈川県逗子市久木2-1-1</t>
  </si>
  <si>
    <t>神奈川県逗子市小坪3-6-1</t>
  </si>
  <si>
    <t>神奈川県逗子市池子3-9-1</t>
  </si>
  <si>
    <t>神奈川県逗子市池子4-755</t>
  </si>
  <si>
    <t>神奈川県逗子市久木7-2-1</t>
  </si>
  <si>
    <t>神奈川県逗子市沼間3-21-2</t>
  </si>
  <si>
    <t>神奈川県三浦市三崎1-20-32</t>
  </si>
  <si>
    <t>神奈川県三浦市岬陽町10-1</t>
  </si>
  <si>
    <t>神奈川県三浦市南下浦町菊名1096</t>
  </si>
  <si>
    <t>神奈川県三浦市南下浦町上宮田3040</t>
  </si>
  <si>
    <t>神奈川県三浦市南下浦町松輪1710</t>
  </si>
  <si>
    <t>神奈川県三浦市初声町下宮田3728</t>
  </si>
  <si>
    <t>神奈川県三浦市三崎町諸磯65</t>
  </si>
  <si>
    <t>神奈川県三浦市南下浦町上宮田950</t>
  </si>
  <si>
    <t>神奈川県三浦市三崎町六合45-1</t>
  </si>
  <si>
    <t>神奈川県三浦市南下浦町金田206</t>
  </si>
  <si>
    <t>神奈川県三浦市初声町下宮田3622</t>
  </si>
  <si>
    <t>神奈川県秦野市文京町1-5</t>
  </si>
  <si>
    <t>神奈川県秦野市今泉699</t>
  </si>
  <si>
    <t>神奈川県秦野市寺山512</t>
  </si>
  <si>
    <t>神奈川県秦野市南矢名4-29-1</t>
  </si>
  <si>
    <t>神奈川県秦野市並木町8-1</t>
  </si>
  <si>
    <t>神奈川県秦野市柳川25-3</t>
  </si>
  <si>
    <t>神奈川県秦野市下大槻174-4</t>
  </si>
  <si>
    <t>神奈川県秦野市渋沢上1-12-1</t>
  </si>
  <si>
    <t>神奈川県秦野市末広町6-6</t>
  </si>
  <si>
    <t>神奈川県秦野市南が丘4-1</t>
  </si>
  <si>
    <t>神奈川県秦野市堀川105-3</t>
  </si>
  <si>
    <t>神奈川県秦野市鶴巻2240-1</t>
  </si>
  <si>
    <t>神奈川県秦野市富士見町1-1</t>
  </si>
  <si>
    <t>神奈川県秦野市緑町16-1</t>
  </si>
  <si>
    <t>神奈川県秦野市寺山509</t>
  </si>
  <si>
    <t>神奈川県秦野市横野101</t>
  </si>
  <si>
    <t>神奈川県秦野市南矢名4-28-1</t>
  </si>
  <si>
    <t>神奈川県秦野市柳町2-5-1</t>
  </si>
  <si>
    <t>神奈川県秦野市南が丘1-6</t>
  </si>
  <si>
    <t>神奈川県秦野市渋沢2030</t>
  </si>
  <si>
    <t>神奈川県秦野市鶴巻2220</t>
  </si>
  <si>
    <t>神奈川県厚木市山際658</t>
  </si>
  <si>
    <t>神奈川県厚木市上荻野8</t>
  </si>
  <si>
    <t>神奈川県厚木市三田515</t>
  </si>
  <si>
    <t>神奈川県厚木市七沢150-1</t>
  </si>
  <si>
    <t>神奈川県厚木市長谷1085</t>
  </si>
  <si>
    <t>神奈川県厚木市上荻野1429</t>
  </si>
  <si>
    <t>神奈川県厚木市飯山4400</t>
  </si>
  <si>
    <t>神奈川県厚木市関口872-1</t>
  </si>
  <si>
    <t>神奈川県厚木市戸田545</t>
  </si>
  <si>
    <t>神奈川県厚木市上依知1657</t>
  </si>
  <si>
    <t>神奈川県厚木市中依知364</t>
  </si>
  <si>
    <t>神奈川県厚木市小野301-10</t>
  </si>
  <si>
    <t>神奈川県厚木市愛甲1809</t>
  </si>
  <si>
    <t>神奈川県厚木市上依知1289</t>
  </si>
  <si>
    <t>神奈川県厚木市三田3472</t>
  </si>
  <si>
    <t>神奈川県厚木市酒井1981-1</t>
  </si>
  <si>
    <t>神奈川県大和市下鶴間685</t>
  </si>
  <si>
    <t>神奈川県大和市林間1-5-18</t>
  </si>
  <si>
    <t>神奈川県大和市深見西8-7-1</t>
  </si>
  <si>
    <t>神奈川県大和市中央3-6-1</t>
  </si>
  <si>
    <t>神奈川県大和市深見台2-9-1</t>
  </si>
  <si>
    <t>神奈川県大和市上和田832</t>
  </si>
  <si>
    <t>神奈川県大和市西鶴間2-25-43</t>
  </si>
  <si>
    <t>神奈川県大和市中央林間西5-3-1</t>
  </si>
  <si>
    <t>神奈川県大和市上和田2695</t>
  </si>
  <si>
    <t>神奈川県大和市柳橋1-17-7</t>
  </si>
  <si>
    <t>神奈川県大和市南林間9-3-2</t>
  </si>
  <si>
    <t>神奈川県大和市福田5-22-1</t>
  </si>
  <si>
    <t>神奈川県大和市上草柳7-4-26</t>
  </si>
  <si>
    <t>神奈川県大和市福田570</t>
  </si>
  <si>
    <t>神奈川県大和市深見1805</t>
  </si>
  <si>
    <t>神奈川県大和市桜森3-16-31</t>
  </si>
  <si>
    <t>神奈川県大和市草柳3-1-2</t>
  </si>
  <si>
    <t>神奈川県大和市深見西7-5-1</t>
  </si>
  <si>
    <t>神奈川県大和市大和南2-11-1</t>
  </si>
  <si>
    <t>神奈川県大和市下和田49</t>
  </si>
  <si>
    <t>神奈川県大和市つきみ野3-5-1</t>
  </si>
  <si>
    <t>神奈川県大和市下鶴間3016</t>
  </si>
  <si>
    <t>神奈川県大和市柳橋4-5050</t>
  </si>
  <si>
    <t>神奈川県大和市上和田1314-1</t>
  </si>
  <si>
    <t>神奈川県大和市南林間9-3-1</t>
  </si>
  <si>
    <t>神奈川県大和市福田1569-1</t>
  </si>
  <si>
    <t>神奈川県伊勢原市伊勢原4-1-1</t>
  </si>
  <si>
    <t>神奈川県伊勢原市大山209</t>
  </si>
  <si>
    <t>神奈川県伊勢原市西富岡1090-1</t>
  </si>
  <si>
    <t>神奈川県伊勢原市神戸521-1</t>
  </si>
  <si>
    <t>神奈川県伊勢原市高森1481-3</t>
  </si>
  <si>
    <t>神奈川県伊勢原市下谷1471-1</t>
  </si>
  <si>
    <t>神奈川県伊勢原市桜台4-16-1</t>
  </si>
  <si>
    <t>神奈川県伊勢原市高森482</t>
  </si>
  <si>
    <t>神奈川県伊勢原市岡崎6611-1</t>
  </si>
  <si>
    <t>神奈川県伊勢原市石田1168-1</t>
  </si>
  <si>
    <t>神奈川県伊勢原市上粕屋804-2</t>
  </si>
  <si>
    <t>神奈川県伊勢原市高森2-22-1</t>
  </si>
  <si>
    <t>神奈川県伊勢原市桜台4-2-1</t>
  </si>
  <si>
    <t>神奈川県伊勢原市下糟屋231-1</t>
  </si>
  <si>
    <t>神奈川県海老名市国分南3-12-3</t>
  </si>
  <si>
    <t>神奈川県海老名市柏ケ谷1090</t>
  </si>
  <si>
    <t>神奈川県海老名市河原口3-13-1</t>
  </si>
  <si>
    <t>神奈川県海老名市中河内1784</t>
  </si>
  <si>
    <t>神奈川県海老名市国分寺台2-13-1</t>
  </si>
  <si>
    <t>神奈川県海老名市上今泉1-23-1</t>
  </si>
  <si>
    <t>神奈川県海老名市中新田1-15-1</t>
  </si>
  <si>
    <t>神奈川県海老名市東柏ケ谷6-9-7</t>
  </si>
  <si>
    <t>神奈川県海老名市杉久保北4-4-1</t>
  </si>
  <si>
    <t>神奈川県海老名市上今泉2028</t>
  </si>
  <si>
    <t>神奈川県海老名市国分北4-10-1</t>
  </si>
  <si>
    <t>神奈川県海老名市国分南3-11-1</t>
  </si>
  <si>
    <t>神奈川県海老名市本郷4601</t>
  </si>
  <si>
    <t>神奈川県海老名市さつき町58</t>
  </si>
  <si>
    <t>神奈川県海老名市柏ケ谷884</t>
  </si>
  <si>
    <t>神奈川県海老名市大谷南2-10-1</t>
  </si>
  <si>
    <t>神奈川県海老名市上今泉1840</t>
  </si>
  <si>
    <t>神奈川県南足柄市関本400</t>
  </si>
  <si>
    <t>神奈川県南足柄市千津島632</t>
  </si>
  <si>
    <t>神奈川県南足柄市塚原1769</t>
  </si>
  <si>
    <t>神奈川県南足柄市岩原310</t>
  </si>
  <si>
    <t>神奈川県南足柄市向田555</t>
  </si>
  <si>
    <t>神奈川県南足柄市関本433</t>
  </si>
  <si>
    <t>神奈川県南足柄市塚原1660</t>
  </si>
  <si>
    <t>神奈川県南足柄市竹松2000</t>
  </si>
  <si>
    <t>神奈川県綾瀬市深谷中5-1-1</t>
  </si>
  <si>
    <t>神奈川県綾瀬市寺尾本町3-10-1</t>
  </si>
  <si>
    <t>神奈川県綾瀬市綾西1-2-1</t>
  </si>
  <si>
    <t>神奈川県綾瀬市小園420</t>
  </si>
  <si>
    <t>神奈川県綾瀬市上土棚中1-12-19</t>
  </si>
  <si>
    <t>神奈川県綾瀬市寺尾台1-3-1</t>
  </si>
  <si>
    <t>神奈川県綾瀬市落合北3-10-1</t>
  </si>
  <si>
    <t>神奈川県綾瀬市上土棚南6-1-1</t>
  </si>
  <si>
    <t>神奈川県綾瀬市寺尾南1-3-1</t>
  </si>
  <si>
    <t>神奈川県綾瀬市深谷南2-3-1</t>
  </si>
  <si>
    <t>神奈川県綾瀬市深谷上4-4-1</t>
  </si>
  <si>
    <t>神奈川県綾瀬市早川2230</t>
  </si>
  <si>
    <t>神奈川県綾瀬市蓼川1-2-1</t>
  </si>
  <si>
    <t>神奈川県綾瀬市吉岡393-1</t>
  </si>
  <si>
    <t>創立年</t>
    <rPh sb="0" eb="2">
      <t>ソウリツ</t>
    </rPh>
    <rPh sb="2" eb="3">
      <t>ネン</t>
    </rPh>
    <phoneticPr fontId="18"/>
  </si>
  <si>
    <t>創立年（西暦）を半角数字で記載</t>
    <rPh sb="0" eb="2">
      <t>ソウリツ</t>
    </rPh>
    <rPh sb="2" eb="3">
      <t>ネン</t>
    </rPh>
    <rPh sb="4" eb="6">
      <t>セイレキ</t>
    </rPh>
    <rPh sb="8" eb="10">
      <t>ハンカク</t>
    </rPh>
    <rPh sb="10" eb="12">
      <t>スウジ</t>
    </rPh>
    <rPh sb="13" eb="15">
      <t>キサイ</t>
    </rPh>
    <phoneticPr fontId="18"/>
  </si>
  <si>
    <t>横浜市立獅子ケ谷小学校</t>
  </si>
  <si>
    <t>横浜市立幸ケ谷小学校</t>
  </si>
  <si>
    <t>神奈川県横浜市神奈川区幸ケ谷1-1</t>
  </si>
  <si>
    <t>神奈川県横浜市西区東ケ丘59</t>
  </si>
  <si>
    <t>神奈川県横浜市西区宮ケ谷6-7</t>
  </si>
  <si>
    <t>横浜市立井土ケ谷小学校</t>
  </si>
  <si>
    <t>神奈川県横浜市南区六ツ川3-65-9</t>
  </si>
  <si>
    <t>神奈川県横浜市南区六ツ川2-156-1</t>
  </si>
  <si>
    <t>神奈川県横浜市保土ケ谷区桜ケ丘1-13-1</t>
  </si>
  <si>
    <t>神奈川県横浜市保土ケ谷区新桜ケ丘1-22-1</t>
  </si>
  <si>
    <t>神奈川県横浜市保土ケ谷区瀬戸ケ谷町243</t>
  </si>
  <si>
    <t>横浜市立瀬ケ崎小学校</t>
  </si>
  <si>
    <t>045-471-5340</t>
  </si>
  <si>
    <t>神奈川県横浜市栄区中野町16-1</t>
  </si>
  <si>
    <t>245-0023</t>
  </si>
  <si>
    <t>神奈川県横浜市泉区和泉中央南2-27-1</t>
  </si>
  <si>
    <t>横浜市立三ツ境小学校</t>
  </si>
  <si>
    <t>神奈川県横浜市瀬谷区二ツ橋町507</t>
  </si>
  <si>
    <t>神奈川県横浜市栄区小菅ケ谷1-29-1</t>
  </si>
  <si>
    <t>横浜市立西金沢義務教育学校（小学部、中学部）</t>
    <rPh sb="14" eb="16">
      <t>ショウガク</t>
    </rPh>
    <rPh sb="16" eb="17">
      <t>ブ</t>
    </rPh>
    <rPh sb="18" eb="20">
      <t>チュウガク</t>
    </rPh>
    <rPh sb="20" eb="21">
      <t>ブ</t>
    </rPh>
    <phoneticPr fontId="18"/>
  </si>
  <si>
    <t>横浜市立霧が丘義務教育学校（小学部）</t>
    <rPh sb="16" eb="17">
      <t>ブ</t>
    </rPh>
    <phoneticPr fontId="18"/>
  </si>
  <si>
    <t>横浜市立霧が丘義務教育学校（中学部）</t>
    <rPh sb="16" eb="17">
      <t>ブ</t>
    </rPh>
    <phoneticPr fontId="18"/>
  </si>
  <si>
    <t>-</t>
  </si>
  <si>
    <t>210-0833</t>
  </si>
  <si>
    <t>212-0033</t>
  </si>
  <si>
    <t>川崎市立南大師中学校</t>
  </si>
  <si>
    <t>川崎市立川中島中学校</t>
  </si>
  <si>
    <t>川崎市立桜本中学校</t>
  </si>
  <si>
    <t>川崎市立臨港中学校</t>
  </si>
  <si>
    <t>川崎市立田島中学校</t>
  </si>
  <si>
    <t>川崎市立京町中学校</t>
  </si>
  <si>
    <t>川崎市立渡田中学校</t>
  </si>
  <si>
    <t>川崎市立富士見中学校</t>
  </si>
  <si>
    <t>川崎市立川崎中学校</t>
  </si>
  <si>
    <t>210-0025</t>
  </si>
  <si>
    <t>044-246-786１</t>
  </si>
  <si>
    <t>http://www.kaw-s.ed.jp/jh-school/</t>
  </si>
  <si>
    <t>川崎市立南河原中学校</t>
  </si>
  <si>
    <t>川崎市立御幸中学校</t>
  </si>
  <si>
    <t>川崎市立塚越中学校</t>
  </si>
  <si>
    <t>川崎市立日吉中学校</t>
  </si>
  <si>
    <t>川崎市立南加瀬中学校</t>
  </si>
  <si>
    <t>川崎市立平間中学校</t>
  </si>
  <si>
    <t>川崎市立玉川中学校</t>
  </si>
  <si>
    <t>川崎市立住吉中学校</t>
  </si>
  <si>
    <t>川崎市立井田中学校</t>
  </si>
  <si>
    <t>川崎市立今井中学校</t>
  </si>
  <si>
    <t>川崎市立中原中学校</t>
  </si>
  <si>
    <t>川崎市立宮内中学校</t>
  </si>
  <si>
    <t>川崎市立西中原中学校</t>
  </si>
  <si>
    <t>川崎市立東橘中学校</t>
  </si>
  <si>
    <t>川崎市立橘中学校</t>
  </si>
  <si>
    <t>川崎市立高津中学校</t>
  </si>
  <si>
    <t>川崎市立東高津中学校</t>
  </si>
  <si>
    <t>川崎市立西高津中学校</t>
  </si>
  <si>
    <t>川崎市立宮崎中学校</t>
  </si>
  <si>
    <t>川崎市立野川中学校</t>
  </si>
  <si>
    <t>川崎市立有馬中学校</t>
  </si>
  <si>
    <t>川崎市立宮前平中学校</t>
  </si>
  <si>
    <t>川崎市立向丘中学校</t>
  </si>
  <si>
    <t>川崎市立平中学校</t>
  </si>
  <si>
    <t>川崎市立菅生中学校</t>
  </si>
  <si>
    <t>川崎市立犬蔵中学校</t>
  </si>
  <si>
    <t>川崎市立稲田中学校</t>
  </si>
  <si>
    <t>川崎市立枡形中学校</t>
  </si>
  <si>
    <t>川崎市立中野島中学校</t>
  </si>
  <si>
    <t>川崎市立南菅中学校</t>
  </si>
  <si>
    <t>川崎市立菅中学校</t>
  </si>
  <si>
    <t>川崎市立生田中学校</t>
  </si>
  <si>
    <t>川崎市立南生田中学校</t>
  </si>
  <si>
    <t>川崎市立西生田中学校</t>
  </si>
  <si>
    <t>川崎市立金程中学校</t>
  </si>
  <si>
    <t>川崎市立長沢中学校</t>
  </si>
  <si>
    <t>川崎市立柿生中学校</t>
  </si>
  <si>
    <t>川崎市立白鳥中学校</t>
  </si>
  <si>
    <t>http://www.kaw-s.ed.jp/kawasaki-hs/</t>
  </si>
  <si>
    <t>http://www.kch.ac.jp/</t>
  </si>
  <si>
    <t>川崎市立川崎総合科学高等学校</t>
  </si>
  <si>
    <t>川崎市立橘高等学校</t>
  </si>
  <si>
    <t>川崎市立高津高等学校</t>
  </si>
  <si>
    <t>http://www.city.yokosuka.kanagawa.jp/8110/sisetu/fc00000397.html</t>
    <phoneticPr fontId="18"/>
  </si>
  <si>
    <t>http://www.city.yokosuka.kanagawa.jp/8110/sisetu/fc00000316.html</t>
  </si>
  <si>
    <t>http://www.city.yokosuka.kanagawa.jp/8110/sisetu/fc00000401.html</t>
  </si>
  <si>
    <t>http://www.city.yokosuka.kanagawa.jp/8110/sisetu/fc00000403.html</t>
  </si>
  <si>
    <t>http://www.city.yokosuka.kanagawa.jp/8110/sisetu/fc00000404.html</t>
  </si>
  <si>
    <t>http://www.city.yokosuka.kanagawa.jp/8110/sisetu/fc00000406.html</t>
  </si>
  <si>
    <t>http://www.city.yokosuka.kanagawa.jp/8110/sisetu/fc00000408.html</t>
  </si>
  <si>
    <t>http://www.city.yokosuka.kanagawa.jp/8110/sisetu/fc00000410.html</t>
  </si>
  <si>
    <t>http://www.city.yokosuka.kanagawa.jp/8110/sisetu/fc00000411.html</t>
  </si>
  <si>
    <t>http://www.city.yokosuka.kanagawa.jp/8110/sisetu/fc00000299.html</t>
  </si>
  <si>
    <t>http://www.city.yokosuka.kanagawa.jp/8110/sisetu/fc00000416.html</t>
  </si>
  <si>
    <t>http://www.city.yokosuka.kanagawa.jp/8110/sisetu/fc00000417.html</t>
  </si>
  <si>
    <t>http://www.city.yokosuka.kanagawa.jp/8110/sisetu/fc00000415.html</t>
  </si>
  <si>
    <t>http://www.city.yokosuka.kanagawa.jp/8110/sisetu/fc00000413.html</t>
  </si>
  <si>
    <t>http://www.city.yokosuka.kanagawa.jp/8110/sisetu/fc00000412.html</t>
  </si>
  <si>
    <t>http://www.city.yokosuka.kanagawa.jp/8110/sisetu/fc00000326.html</t>
  </si>
  <si>
    <t>http://www.city.yokosuka.kanagawa.jp/8110/sisetu/fc00000405.html</t>
  </si>
  <si>
    <t>http://www.city.yokosuka.kanagawa.jp/8110/sisetu/fc00000402.html</t>
  </si>
  <si>
    <t>http://www.city.yokosuka.kanagawa.jp/8110/sisetu/fc00000318.html</t>
  </si>
  <si>
    <t>http://www.city.yokosuka.kanagawa.jp/8110/sisetu/fc00000307.html</t>
  </si>
  <si>
    <t>http://www.city.yokosuka.kanagawa.jp/8110/sisetu/fc00000395.html</t>
  </si>
  <si>
    <t>http://www.city.yokosuka.kanagawa.jp/8110/sisetu/fc00000393.html</t>
  </si>
  <si>
    <t>http://www.city.yokosuka.kanagawa.jp/8110/sisetu/fc00000391.html</t>
  </si>
  <si>
    <t>http://www.city.yokosuka.kanagawa.jp/8110/sisetu/fc00000389.html</t>
  </si>
  <si>
    <t>http://www.city.yokosuka.kanagawa.jp/8110/sisetu/fc00000387.html</t>
  </si>
  <si>
    <t>http://www.city.yokosuka.kanagawa.jp/8110/sisetu/fc00000385.html</t>
  </si>
  <si>
    <t>http://www.city.yokosuka.kanagawa.jp/8110/sisetu/fc00000382.html</t>
  </si>
  <si>
    <t>http://www.city.yokosuka.kanagawa.jp/8110/sisetu/fc00000482.html</t>
  </si>
  <si>
    <t>http://www.city.yokosuka.kanagawa.jp/8110/sisetu/fc00000380.html</t>
  </si>
  <si>
    <t>http://www.city.yokosuka.kanagawa.jp/8110/sisetu/fc00000378.html</t>
  </si>
  <si>
    <t>http://www.city.yokosuka.kanagawa.jp/8110/sisetu/fc00000364.html</t>
  </si>
  <si>
    <t>http://www.city.yokosuka.kanagawa.jp/8110/sisetu/fc00000363.html</t>
  </si>
  <si>
    <t>http://www.city.yokosuka.kanagawa.jp/8110/sisetu/fc00000362.html</t>
  </si>
  <si>
    <t>http://www.city.yokosuka.kanagawa.jp/8110/sisetu/fc00000361.html</t>
  </si>
  <si>
    <t>http://www.city.yokosuka.kanagawa.jp/8110/sisetu/fc00000481.html</t>
  </si>
  <si>
    <t>http://www.city.yokosuka.kanagawa.jp/8110/sisetu/fc00000359.html</t>
  </si>
  <si>
    <t>http://www.city.yokosuka.kanagawa.jp/8110/sisetu/fc00000358.html</t>
  </si>
  <si>
    <t>http://www.city.yokosuka.kanagawa.jp/8110/sisetu/fc00000356.html</t>
  </si>
  <si>
    <t>http://www.city.yokosuka.kanagawa.jp/8110/sisetu/fc00000347.html</t>
  </si>
  <si>
    <t>http://www.city.yokosuka.kanagawa.jp/8110/sisetu/fc00000355.html</t>
  </si>
  <si>
    <t>http://www.city.yokosuka.kanagawa.jp/8110/sisetu/fc00000353.html</t>
  </si>
  <si>
    <t>http://www.city.yokosuka.kanagawa.jp/8110/sisetu/fc00000352.html</t>
  </si>
  <si>
    <t>http://www.city.yokosuka.kanagawa.jp/8110/sisetu/fc00000351.html</t>
  </si>
  <si>
    <t>http://www.city.yokosuka.kanagawa.jp/8110/sisetu/fc00000350.html</t>
  </si>
  <si>
    <t>http://www.city.yokosuka.kanagawa.jp/8110/sisetu/fc00000349.html</t>
  </si>
  <si>
    <t>http://www.city.yokosuka.kanagawa.jp/8110/sisetu/fc00000348.html</t>
  </si>
  <si>
    <t>http://www.city.yokosuka.kanagawa.jp/8110/sisetu/fc00000300.html</t>
  </si>
  <si>
    <t>横須賀市立鷹取中学校</t>
    <phoneticPr fontId="21"/>
  </si>
  <si>
    <t>http://www.city.yokosuka.kanagawa.jp/8110/sisetu/fc00000343.html</t>
  </si>
  <si>
    <t>http://www.city.yokosuka.kanagawa.jp/8110/sisetu/fc00000342.html</t>
  </si>
  <si>
    <t>横須賀市立坂本中学校</t>
    <phoneticPr fontId="21"/>
  </si>
  <si>
    <t>http://www.city.yokosuka.kanagawa.jp/8110/sisetu/fc00000340.html</t>
  </si>
  <si>
    <t>http://www.city.yokosuka.kanagawa.jp/8110/sisetu/fc00000338.html</t>
  </si>
  <si>
    <t>横須賀市立常葉中学校</t>
    <phoneticPr fontId="21"/>
  </si>
  <si>
    <t>http://www.city.yokosuka.kanagawa.jp/8110/sisetu/fc00000337.html</t>
  </si>
  <si>
    <t>横須賀市立公郷中学校</t>
    <phoneticPr fontId="21"/>
  </si>
  <si>
    <t>http://www.city.yokosuka.kanagawa.jp/8110/sisetu/fc00000336.html</t>
  </si>
  <si>
    <t>横須賀市立池上中学校</t>
    <phoneticPr fontId="21"/>
  </si>
  <si>
    <t>http://www.city.yokosuka.kanagawa.jp/8110/sisetu/fc00000335.html</t>
  </si>
  <si>
    <t>http://www.city.yokosuka.kanagawa.jp/8110/sisetu/fc00000334.html</t>
  </si>
  <si>
    <t>横須賀市立大矢部中学校</t>
    <phoneticPr fontId="21"/>
  </si>
  <si>
    <t>http://www.city.yokosuka.kanagawa.jp/8110/sisetu/fc00000333.html</t>
  </si>
  <si>
    <t>http://www.city.yokosuka.kanagawa.jp/8110/sisetu/fc00000331.html</t>
  </si>
  <si>
    <t>横須賀市立馬堀中学校</t>
    <phoneticPr fontId="21"/>
  </si>
  <si>
    <t>http://www.city.yokosuka.kanagawa.jp/8110/sisetu/fc00000330.html</t>
  </si>
  <si>
    <t>横須賀市立浦賀中学校</t>
    <phoneticPr fontId="21"/>
  </si>
  <si>
    <t>http://www.city.yokosuka.kanagawa.jp/8110/sisetu/fc00000329.html</t>
  </si>
  <si>
    <t>横須賀市立鴨居中学校</t>
    <phoneticPr fontId="21"/>
  </si>
  <si>
    <t>http://www.city.yokosuka.kanagawa.jp/8110/sisetu/fc00000325.html</t>
  </si>
  <si>
    <t>http://www.city.yokosuka.kanagawa.jp/8110/sisetu/fc00000315.html</t>
  </si>
  <si>
    <t>横須賀市立久里浜中学校</t>
    <phoneticPr fontId="21"/>
  </si>
  <si>
    <t>http://www.city.yokosuka.kanagawa.jp/8110/sisetu/fc00000323.html</t>
  </si>
  <si>
    <t>横須賀市立神明中学校</t>
    <phoneticPr fontId="21"/>
  </si>
  <si>
    <t>http://www.city.yokosuka.kanagawa.jp/8110/sisetu/fc00000310.html</t>
  </si>
  <si>
    <t>http://www.city.yokosuka.kanagawa.jp/8110/sisetu/fc00000320.html</t>
  </si>
  <si>
    <t>横須賀市立北下浦中学校</t>
    <phoneticPr fontId="21"/>
  </si>
  <si>
    <t>http://www.city.yokosuka.kanagawa.jp/8110/sisetu/fc00000319.html</t>
  </si>
  <si>
    <t>http://www.city.yokosuka.kanagawa.jp/8110/sisetu/fc00000317.html</t>
  </si>
  <si>
    <t>http://www.city.yokosuka.kanagawa.jp/8110/sisetu/fc00000313.html</t>
  </si>
  <si>
    <t>横須賀市立武山中学校</t>
    <phoneticPr fontId="21"/>
  </si>
  <si>
    <t>http://www.city.yokosuka.kanagawa.jp/8110/sisetu/fc00000311.html</t>
  </si>
  <si>
    <t>http://www.city.yokosuka.kanagawa.jp/8110/sisetu/fc00000309.html</t>
  </si>
  <si>
    <t>0463-59-6349</t>
    <phoneticPr fontId="18"/>
  </si>
  <si>
    <t>平塚市立金目小学校</t>
    <phoneticPr fontId="18"/>
  </si>
  <si>
    <t>0463-56-0318</t>
    <phoneticPr fontId="18"/>
  </si>
  <si>
    <t>0463-59-3815</t>
    <phoneticPr fontId="18"/>
  </si>
  <si>
    <t>平塚市立大野中学校</t>
    <phoneticPr fontId="21"/>
  </si>
  <si>
    <t>平塚市立土沢中学校</t>
    <phoneticPr fontId="21"/>
  </si>
  <si>
    <t>平塚市立金目中学校</t>
    <phoneticPr fontId="21"/>
  </si>
  <si>
    <t>平塚市立旭陵中学校</t>
    <phoneticPr fontId="21"/>
  </si>
  <si>
    <t>藤沢市立富士見台小学校</t>
    <phoneticPr fontId="18"/>
  </si>
  <si>
    <t>神奈川県藤沢市下土棚591-1</t>
    <phoneticPr fontId="18"/>
  </si>
  <si>
    <t>0466-44-4725</t>
    <phoneticPr fontId="18"/>
  </si>
  <si>
    <t>0466-46-6904</t>
    <phoneticPr fontId="18"/>
  </si>
  <si>
    <t>藤沢市立湘洋中学校</t>
    <phoneticPr fontId="21"/>
  </si>
  <si>
    <t>藤沢市立長後中学校</t>
    <phoneticPr fontId="21"/>
  </si>
  <si>
    <t>藤沢市立高浜中学校</t>
    <phoneticPr fontId="21"/>
  </si>
  <si>
    <t>藤沢市立善行中学校</t>
    <phoneticPr fontId="21"/>
  </si>
  <si>
    <t>藤沢市立秋葉台中学校</t>
    <phoneticPr fontId="21"/>
  </si>
  <si>
    <t>http://www.ed.city.odawara.kanagawa.jp/swas/index.php?id=sannomaru_s</t>
  </si>
  <si>
    <t>http://www.ed.city.odawara.kanagawa.jp/swas/index.php?id=aratama_s</t>
  </si>
  <si>
    <t>http://www.ed.city.odawara.kanagawa.jp/swas/index.php?id=ashigara_s</t>
  </si>
  <si>
    <t>http://www.ed.city.odawara.kanagawa.jp/swas/index.php?id=ashiko_s</t>
  </si>
  <si>
    <t>http://www.ed.city.odawara.kanagawa.jp/swas/index.php?id=okubo_s</t>
  </si>
  <si>
    <t>http://www.ed.city.odawara.kanagawa.jp/swas/index.php?id=hayakawa_s</t>
  </si>
  <si>
    <t>学校の特色：ＰＴＡ学校林を生かした木育に取り組んでいます。</t>
    <rPh sb="0" eb="2">
      <t>ガッコウ</t>
    </rPh>
    <rPh sb="3" eb="5">
      <t>トクショク</t>
    </rPh>
    <rPh sb="9" eb="11">
      <t>ガッコウ</t>
    </rPh>
    <rPh sb="11" eb="12">
      <t>リン</t>
    </rPh>
    <rPh sb="13" eb="14">
      <t>イ</t>
    </rPh>
    <rPh sb="17" eb="18">
      <t>モク</t>
    </rPh>
    <rPh sb="18" eb="19">
      <t>イク</t>
    </rPh>
    <rPh sb="20" eb="21">
      <t>ト</t>
    </rPh>
    <rPh sb="22" eb="23">
      <t>ク</t>
    </rPh>
    <phoneticPr fontId="18"/>
  </si>
  <si>
    <t>http://www.ed.city.odawara.kanagawa.jp/swas/index.php?id=sannou_s</t>
  </si>
  <si>
    <t>学校の特色：学校運営協議会設置校として、キャリア教育とシチズンシップ教育を推進し地域とともにある学校を目指します。海に面していることから「ウミガメが来る浜づくり」を目標に海岸清掃や環境教育に取り組んでいます。</t>
    <rPh sb="0" eb="2">
      <t>ガッコウ</t>
    </rPh>
    <rPh sb="3" eb="5">
      <t>トクショク</t>
    </rPh>
    <rPh sb="6" eb="8">
      <t>ガッコウ</t>
    </rPh>
    <rPh sb="8" eb="10">
      <t>ウンエイ</t>
    </rPh>
    <rPh sb="10" eb="13">
      <t>キョウギカイ</t>
    </rPh>
    <rPh sb="13" eb="15">
      <t>セッチ</t>
    </rPh>
    <rPh sb="15" eb="16">
      <t>コウ</t>
    </rPh>
    <rPh sb="24" eb="26">
      <t>キョウイク</t>
    </rPh>
    <rPh sb="34" eb="36">
      <t>キョウイク</t>
    </rPh>
    <rPh sb="37" eb="39">
      <t>スイシン</t>
    </rPh>
    <rPh sb="40" eb="42">
      <t>チイキ</t>
    </rPh>
    <rPh sb="48" eb="50">
      <t>ガッコウ</t>
    </rPh>
    <rPh sb="51" eb="53">
      <t>メザ</t>
    </rPh>
    <rPh sb="57" eb="58">
      <t>ウミ</t>
    </rPh>
    <rPh sb="59" eb="60">
      <t>メン</t>
    </rPh>
    <rPh sb="74" eb="75">
      <t>ク</t>
    </rPh>
    <rPh sb="76" eb="77">
      <t>ハマ</t>
    </rPh>
    <rPh sb="82" eb="84">
      <t>モクヒョウ</t>
    </rPh>
    <rPh sb="85" eb="87">
      <t>カイガン</t>
    </rPh>
    <rPh sb="87" eb="89">
      <t>セイソウ</t>
    </rPh>
    <rPh sb="90" eb="92">
      <t>カンキョウ</t>
    </rPh>
    <rPh sb="92" eb="94">
      <t>キョウイク</t>
    </rPh>
    <rPh sb="95" eb="96">
      <t>ト</t>
    </rPh>
    <rPh sb="97" eb="98">
      <t>ク</t>
    </rPh>
    <phoneticPr fontId="18"/>
  </si>
  <si>
    <t>http://www.ed.city.odawara.kanagawa.jp/swas/index.php?id=kuno_s</t>
  </si>
  <si>
    <t>学校の特色：地域のボランティアの方の協力を得て、全学年で農園活動に取り組んでいます。</t>
    <rPh sb="0" eb="2">
      <t>ガッコウ</t>
    </rPh>
    <rPh sb="3" eb="5">
      <t>トクショク</t>
    </rPh>
    <rPh sb="6" eb="8">
      <t>チイキ</t>
    </rPh>
    <rPh sb="16" eb="17">
      <t>カタ</t>
    </rPh>
    <rPh sb="18" eb="20">
      <t>キョウリョク</t>
    </rPh>
    <rPh sb="21" eb="22">
      <t>エ</t>
    </rPh>
    <rPh sb="24" eb="25">
      <t>ゼン</t>
    </rPh>
    <rPh sb="25" eb="27">
      <t>ガクネン</t>
    </rPh>
    <rPh sb="28" eb="30">
      <t>ノウエン</t>
    </rPh>
    <rPh sb="30" eb="32">
      <t>カツドウ</t>
    </rPh>
    <rPh sb="33" eb="34">
      <t>ト</t>
    </rPh>
    <rPh sb="35" eb="36">
      <t>ク</t>
    </rPh>
    <phoneticPr fontId="18"/>
  </si>
  <si>
    <t>http://www.ed.city.odawara.kanagawa.jp/swas/index.php?id=tomizu_s</t>
  </si>
  <si>
    <t>http://www.ed.city.odawara.kanagawa.jp/swas/index.php?id=machida_s</t>
  </si>
  <si>
    <t>http://www.ed.city.odawara.kanagawa.jp/swas/index.php?id=shimofunaka_s</t>
  </si>
  <si>
    <t>学校の特色：校訓である「友愛・創造」の象徴とされる友愛像が建ち、子供たちの登下校を見守っています。校庭一面に芝生が広がっており、元気な心と健やかな体を育成しています。</t>
    <rPh sb="0" eb="2">
      <t>ガッコウ</t>
    </rPh>
    <rPh sb="3" eb="5">
      <t>トクショク</t>
    </rPh>
    <rPh sb="6" eb="8">
      <t>コウクン</t>
    </rPh>
    <rPh sb="12" eb="14">
      <t>ユウアイ</t>
    </rPh>
    <rPh sb="15" eb="17">
      <t>ソウゾウ</t>
    </rPh>
    <rPh sb="19" eb="21">
      <t>ショウチョウ</t>
    </rPh>
    <rPh sb="25" eb="27">
      <t>ユウアイ</t>
    </rPh>
    <rPh sb="27" eb="28">
      <t>ゾウ</t>
    </rPh>
    <rPh sb="29" eb="30">
      <t>タ</t>
    </rPh>
    <rPh sb="32" eb="34">
      <t>コドモ</t>
    </rPh>
    <rPh sb="37" eb="40">
      <t>トウゲコウ</t>
    </rPh>
    <rPh sb="41" eb="43">
      <t>ミマモ</t>
    </rPh>
    <rPh sb="49" eb="51">
      <t>コウテイ</t>
    </rPh>
    <rPh sb="51" eb="53">
      <t>イチメン</t>
    </rPh>
    <rPh sb="54" eb="56">
      <t>シバフ</t>
    </rPh>
    <rPh sb="57" eb="58">
      <t>ヒロ</t>
    </rPh>
    <rPh sb="64" eb="66">
      <t>ゲンキ</t>
    </rPh>
    <rPh sb="67" eb="68">
      <t>ココロ</t>
    </rPh>
    <rPh sb="69" eb="70">
      <t>スコ</t>
    </rPh>
    <rPh sb="73" eb="74">
      <t>カラダ</t>
    </rPh>
    <rPh sb="75" eb="77">
      <t>イクセイ</t>
    </rPh>
    <phoneticPr fontId="18"/>
  </si>
  <si>
    <t>http://www.ed.city.odawara.kanagawa.jp/swas/index.php?id=sakurai_s</t>
  </si>
  <si>
    <t>http://www.ed.city.odawara.kanagawa.jp/swas/index.php?id=chiyo_s</t>
  </si>
  <si>
    <t>学校の特色：学校近くのほたる田で、米作りや豊かな自然に触れ合う活動を行っています。</t>
    <rPh sb="0" eb="2">
      <t>ガッコウ</t>
    </rPh>
    <rPh sb="3" eb="5">
      <t>トクショク</t>
    </rPh>
    <rPh sb="6" eb="8">
      <t>ガッコウ</t>
    </rPh>
    <rPh sb="8" eb="9">
      <t>チカ</t>
    </rPh>
    <rPh sb="14" eb="15">
      <t>デン</t>
    </rPh>
    <rPh sb="17" eb="18">
      <t>コメ</t>
    </rPh>
    <rPh sb="18" eb="19">
      <t>ツク</t>
    </rPh>
    <rPh sb="21" eb="22">
      <t>ユタ</t>
    </rPh>
    <rPh sb="24" eb="26">
      <t>シゼン</t>
    </rPh>
    <rPh sb="27" eb="28">
      <t>フ</t>
    </rPh>
    <rPh sb="29" eb="30">
      <t>ア</t>
    </rPh>
    <rPh sb="31" eb="33">
      <t>カツドウ</t>
    </rPh>
    <rPh sb="34" eb="35">
      <t>オコナ</t>
    </rPh>
    <phoneticPr fontId="18"/>
  </si>
  <si>
    <t>http://www.ed.city.odawara.kanagawa.jp/swas/index.php?id=shimosoga_s</t>
  </si>
  <si>
    <t>http://www.ed.city.odawara.kanagawa.jp/swas/index.php?id=kozu_s</t>
  </si>
  <si>
    <t>学校の特色：相模湾や国府津山などの自然に囲まれた環境にあり、こうづのキーワード「向上心・美しい心・強い心と体の子」を用いた、こうづっ子の育成に取り組んでいます。</t>
    <rPh sb="0" eb="2">
      <t>ガッコウ</t>
    </rPh>
    <rPh sb="3" eb="5">
      <t>トクショク</t>
    </rPh>
    <rPh sb="6" eb="8">
      <t>サガミ</t>
    </rPh>
    <rPh sb="8" eb="9">
      <t>ワン</t>
    </rPh>
    <rPh sb="10" eb="13">
      <t>コウヅ</t>
    </rPh>
    <rPh sb="13" eb="14">
      <t>ヤマ</t>
    </rPh>
    <rPh sb="17" eb="19">
      <t>シゼン</t>
    </rPh>
    <rPh sb="20" eb="21">
      <t>カコ</t>
    </rPh>
    <rPh sb="24" eb="26">
      <t>カンキョウ</t>
    </rPh>
    <rPh sb="40" eb="43">
      <t>コウジョウシン</t>
    </rPh>
    <rPh sb="44" eb="45">
      <t>ウツク</t>
    </rPh>
    <rPh sb="47" eb="48">
      <t>ココロ</t>
    </rPh>
    <rPh sb="49" eb="50">
      <t>ツヨ</t>
    </rPh>
    <rPh sb="51" eb="52">
      <t>ココロ</t>
    </rPh>
    <rPh sb="53" eb="54">
      <t>カラダ</t>
    </rPh>
    <rPh sb="55" eb="56">
      <t>コ</t>
    </rPh>
    <rPh sb="58" eb="59">
      <t>モチ</t>
    </rPh>
    <rPh sb="66" eb="67">
      <t>コ</t>
    </rPh>
    <rPh sb="68" eb="70">
      <t>イクセイ</t>
    </rPh>
    <rPh sb="71" eb="72">
      <t>ト</t>
    </rPh>
    <rPh sb="73" eb="74">
      <t>ク</t>
    </rPh>
    <phoneticPr fontId="18"/>
  </si>
  <si>
    <t>http://www.ed.city.odawara.kanagawa.jp/swas/index.php?id=sakawa_s</t>
  </si>
  <si>
    <t>http://www.ed.city.odawara.kanagawa.jp/swas/index.php?id=kataura_s</t>
  </si>
  <si>
    <t>学校の特色：市内唯一の小規模特認校です。１～３年生は農園活動に取り組んでおり、４～６年生は金管バンドに取り組んでいます。</t>
    <rPh sb="0" eb="2">
      <t>ガッコウ</t>
    </rPh>
    <rPh sb="3" eb="5">
      <t>トクショク</t>
    </rPh>
    <rPh sb="6" eb="8">
      <t>シナイ</t>
    </rPh>
    <rPh sb="8" eb="10">
      <t>ユイイツ</t>
    </rPh>
    <rPh sb="11" eb="14">
      <t>ショウキボ</t>
    </rPh>
    <rPh sb="14" eb="16">
      <t>トクニン</t>
    </rPh>
    <rPh sb="16" eb="17">
      <t>コウ</t>
    </rPh>
    <rPh sb="23" eb="25">
      <t>ネンセイ</t>
    </rPh>
    <rPh sb="26" eb="28">
      <t>ノウエン</t>
    </rPh>
    <rPh sb="28" eb="30">
      <t>カツドウ</t>
    </rPh>
    <rPh sb="31" eb="32">
      <t>ト</t>
    </rPh>
    <rPh sb="33" eb="34">
      <t>ク</t>
    </rPh>
    <rPh sb="42" eb="44">
      <t>ネンセイ</t>
    </rPh>
    <rPh sb="45" eb="47">
      <t>キンカン</t>
    </rPh>
    <rPh sb="51" eb="52">
      <t>ト</t>
    </rPh>
    <rPh sb="53" eb="54">
      <t>ク</t>
    </rPh>
    <phoneticPr fontId="18"/>
  </si>
  <si>
    <t>http://www.ed.city.odawara.kanagawa.jp/swas/index.php?id=soga_s</t>
  </si>
  <si>
    <t>学校の特色：平成28年度より、学校運営協議会を発足しコミュニティスクールに取り組んでいます。</t>
    <rPh sb="0" eb="2">
      <t>ガッコウ</t>
    </rPh>
    <rPh sb="3" eb="5">
      <t>トクショク</t>
    </rPh>
    <rPh sb="6" eb="8">
      <t>ヘイセイ</t>
    </rPh>
    <rPh sb="10" eb="12">
      <t>ネンド</t>
    </rPh>
    <rPh sb="15" eb="17">
      <t>ガッコウ</t>
    </rPh>
    <rPh sb="17" eb="19">
      <t>ウンエイ</t>
    </rPh>
    <rPh sb="19" eb="22">
      <t>キョウギカイ</t>
    </rPh>
    <rPh sb="23" eb="25">
      <t>ホッソク</t>
    </rPh>
    <rPh sb="37" eb="38">
      <t>ト</t>
    </rPh>
    <rPh sb="39" eb="40">
      <t>ク</t>
    </rPh>
    <phoneticPr fontId="18"/>
  </si>
  <si>
    <t>http://www.ed.city.odawara.kanagawa.jp/swas/index.php?id=higashitomizu_s</t>
  </si>
  <si>
    <t>http://www.ed.city.odawara.kanagawa.jp/swas/index.php?id=maeha_s</t>
  </si>
  <si>
    <t>学校の特色：オープンスペースの校舎で、地域との連携や近くの幼稚園との交流、ミニ水族館など特色のある教育活動をしています。</t>
    <rPh sb="0" eb="2">
      <t>ガッコウ</t>
    </rPh>
    <rPh sb="3" eb="5">
      <t>トクショク</t>
    </rPh>
    <rPh sb="15" eb="17">
      <t>コウシャ</t>
    </rPh>
    <rPh sb="19" eb="21">
      <t>チイキ</t>
    </rPh>
    <rPh sb="23" eb="25">
      <t>レンケイ</t>
    </rPh>
    <rPh sb="26" eb="27">
      <t>チカ</t>
    </rPh>
    <rPh sb="29" eb="32">
      <t>ヨウチエン</t>
    </rPh>
    <rPh sb="34" eb="36">
      <t>コウリュウ</t>
    </rPh>
    <rPh sb="39" eb="42">
      <t>スイゾクカン</t>
    </rPh>
    <rPh sb="44" eb="46">
      <t>トクショク</t>
    </rPh>
    <rPh sb="49" eb="51">
      <t>キョウイク</t>
    </rPh>
    <rPh sb="51" eb="53">
      <t>カツドウ</t>
    </rPh>
    <phoneticPr fontId="18"/>
  </si>
  <si>
    <t>http://www.ed.city.odawara.kanagawa.jp/swas/index.php?id=shimonaka_s</t>
  </si>
  <si>
    <t>http://www.ed.city.odawara.kanagawa.jp/swas/index.php?id=yahagi_s</t>
  </si>
  <si>
    <t>http://www.ed.city.odawara.kanagawa.jp/swas/index.php?id=hotoku_s</t>
  </si>
  <si>
    <t>http://www.ed.city.odawara.kanagawa.jp/swas/index.php?id=toyokawa_s</t>
  </si>
  <si>
    <t>http://www.ed.city.odawara.kanagawa.jp/swas/index.php?id=fujimi_s</t>
  </si>
  <si>
    <t>http://www.ed.city.odawara.kanagawa.jp/swas/index.php?id=shiroyama_c</t>
  </si>
  <si>
    <t>学校の特色：「覇気と感動」「自治の精神」を校訓とし、「あいさつ・掃除・学習」に誠実に質朴に励む生徒を育成しています。</t>
    <rPh sb="0" eb="2">
      <t>ガッコウ</t>
    </rPh>
    <rPh sb="3" eb="5">
      <t>トクショク</t>
    </rPh>
    <rPh sb="7" eb="9">
      <t>ハキ</t>
    </rPh>
    <rPh sb="10" eb="12">
      <t>カンドウ</t>
    </rPh>
    <rPh sb="14" eb="16">
      <t>ジチ</t>
    </rPh>
    <rPh sb="17" eb="19">
      <t>セイシン</t>
    </rPh>
    <rPh sb="21" eb="23">
      <t>コウクン</t>
    </rPh>
    <rPh sb="32" eb="34">
      <t>ソウジ</t>
    </rPh>
    <rPh sb="35" eb="37">
      <t>ガクシュウ</t>
    </rPh>
    <rPh sb="39" eb="41">
      <t>セイジツ</t>
    </rPh>
    <rPh sb="42" eb="44">
      <t>シツボク</t>
    </rPh>
    <rPh sb="45" eb="46">
      <t>ハゲ</t>
    </rPh>
    <rPh sb="47" eb="49">
      <t>セイト</t>
    </rPh>
    <rPh sb="50" eb="52">
      <t>イクセイ</t>
    </rPh>
    <phoneticPr fontId="18"/>
  </si>
  <si>
    <t>http://www.ed.city.odawara.kanagawa.jp/swas/index.php?id=hakuo_c</t>
  </si>
  <si>
    <t>学校の特色：縦割りによる運動会を実施しています。海岸清掃、酒匂川右岸清掃等を実施しています。海岸マラソンを実施しています。</t>
    <rPh sb="0" eb="2">
      <t>ガッコウ</t>
    </rPh>
    <rPh sb="3" eb="5">
      <t>トクショク</t>
    </rPh>
    <rPh sb="6" eb="8">
      <t>タテワ</t>
    </rPh>
    <rPh sb="12" eb="15">
      <t>ウンドウカイ</t>
    </rPh>
    <rPh sb="16" eb="18">
      <t>ジッシ</t>
    </rPh>
    <rPh sb="24" eb="26">
      <t>カイガン</t>
    </rPh>
    <rPh sb="26" eb="28">
      <t>セイソウ</t>
    </rPh>
    <rPh sb="29" eb="31">
      <t>サカワ</t>
    </rPh>
    <rPh sb="31" eb="32">
      <t>ガワ</t>
    </rPh>
    <rPh sb="32" eb="34">
      <t>ウガン</t>
    </rPh>
    <rPh sb="34" eb="37">
      <t>セイソウトウ</t>
    </rPh>
    <rPh sb="38" eb="40">
      <t>ジッシ</t>
    </rPh>
    <rPh sb="46" eb="48">
      <t>カイガン</t>
    </rPh>
    <rPh sb="53" eb="55">
      <t>ジッシ</t>
    </rPh>
    <phoneticPr fontId="18"/>
  </si>
  <si>
    <t>http://www.ed.city.odawara.kanagawa.jp/swas/index.php?id=hakusan_c</t>
  </si>
  <si>
    <t>小田原市立城南中学校</t>
    <phoneticPr fontId="21"/>
  </si>
  <si>
    <t>http://www.ed.city.odawara.kanagawa.jp/swas/index.php?id=jonan_c</t>
  </si>
  <si>
    <t>http://www.ed.city.odawara.kanagawa.jp/swas/index.php?id=kamonomiya_c</t>
  </si>
  <si>
    <t>http://www.ed.city.odawara.kanagawa.jp/swas/index.php?id=chiyo_c</t>
  </si>
  <si>
    <t>http://www.ed.city.odawara.kanagawa.jp/swas/index.php?id=kozu_c</t>
  </si>
  <si>
    <t>http://www.ed.city.odawara.kanagawa.jp/swas/index.php?id=sakawa_c</t>
  </si>
  <si>
    <t>http://www.ed.city.odawara.kanagawa.jp/swas/index.php?id=izumi_c</t>
  </si>
  <si>
    <t>http://www.ed.city.odawara.kanagawa.jp/swas/index.php?id=tachibana_c</t>
  </si>
  <si>
    <t>学校の特色：縄文時代の貴重な遺跡のある羽根尾の丘から相模湾を望む本校の子ども達は、豊かな自然環境に囲まれ、相模人形芝居下中座をはじめとする伝統文化に触れながら、のびのびと学んでいます。</t>
    <rPh sb="0" eb="2">
      <t>ガッコウ</t>
    </rPh>
    <rPh sb="3" eb="5">
      <t>トクショク</t>
    </rPh>
    <rPh sb="6" eb="8">
      <t>ジョウモン</t>
    </rPh>
    <rPh sb="8" eb="10">
      <t>ジダイ</t>
    </rPh>
    <rPh sb="11" eb="13">
      <t>キチョウ</t>
    </rPh>
    <rPh sb="14" eb="16">
      <t>イセキ</t>
    </rPh>
    <rPh sb="19" eb="22">
      <t>ハネオ</t>
    </rPh>
    <rPh sb="23" eb="24">
      <t>オカ</t>
    </rPh>
    <rPh sb="26" eb="28">
      <t>サガミ</t>
    </rPh>
    <rPh sb="28" eb="29">
      <t>ワン</t>
    </rPh>
    <rPh sb="30" eb="31">
      <t>ノゾ</t>
    </rPh>
    <rPh sb="32" eb="34">
      <t>ホンコウ</t>
    </rPh>
    <rPh sb="35" eb="36">
      <t>コ</t>
    </rPh>
    <rPh sb="38" eb="39">
      <t>タチ</t>
    </rPh>
    <rPh sb="41" eb="42">
      <t>ユタ</t>
    </rPh>
    <rPh sb="44" eb="46">
      <t>シゼン</t>
    </rPh>
    <rPh sb="46" eb="48">
      <t>カンキョウ</t>
    </rPh>
    <rPh sb="49" eb="50">
      <t>カコ</t>
    </rPh>
    <rPh sb="53" eb="55">
      <t>サガミ</t>
    </rPh>
    <rPh sb="55" eb="57">
      <t>ニンギョウ</t>
    </rPh>
    <rPh sb="57" eb="59">
      <t>シバイ</t>
    </rPh>
    <rPh sb="59" eb="60">
      <t>シモ</t>
    </rPh>
    <rPh sb="60" eb="62">
      <t>ナカザ</t>
    </rPh>
    <rPh sb="69" eb="71">
      <t>デントウ</t>
    </rPh>
    <rPh sb="71" eb="73">
      <t>ブンカ</t>
    </rPh>
    <rPh sb="74" eb="75">
      <t>フ</t>
    </rPh>
    <rPh sb="85" eb="86">
      <t>マナ</t>
    </rPh>
    <phoneticPr fontId="18"/>
  </si>
  <si>
    <t>http://www.ed.city.odawara.kanagawa.jp/swas/index.php?id=johoku_c</t>
  </si>
  <si>
    <t>茅ｹ崎市立松浪中学校</t>
    <phoneticPr fontId="21"/>
  </si>
  <si>
    <t>神奈川県逗子市沼間1-7-18</t>
    <rPh sb="7" eb="9">
      <t>ヌママ</t>
    </rPh>
    <phoneticPr fontId="18"/>
  </si>
  <si>
    <t>http://www.city-zushi.ed.jp/e-numama/</t>
    <phoneticPr fontId="18"/>
  </si>
  <si>
    <t>http://www.city-zushi.ed.jp/e-hisagi/</t>
    <phoneticPr fontId="18"/>
  </si>
  <si>
    <t>http://www.city-zushi.ed.jp/j-hisagi/</t>
    <phoneticPr fontId="18"/>
  </si>
  <si>
    <t>http://www.city-zushi.ed.jp/j-numama/</t>
    <phoneticPr fontId="18"/>
  </si>
  <si>
    <t>三浦市立三崎小学校</t>
    <phoneticPr fontId="18"/>
  </si>
  <si>
    <t>http://www.city.miura.kanagawa.jp/kyouiku/miyata/index.html</t>
    <phoneticPr fontId="18"/>
  </si>
  <si>
    <t>http://www.city.miura.kanagawa.jp/kyouiku/hasse/index.html</t>
    <phoneticPr fontId="18"/>
  </si>
  <si>
    <t>http://www.city.miura.kanagawa.jp/kyouiku/nakou/index.html</t>
    <phoneticPr fontId="18"/>
  </si>
  <si>
    <t>三浦市立旭小学校</t>
    <phoneticPr fontId="18"/>
  </si>
  <si>
    <t>http://www.city.miura.kanagawa.jp/kyouiku/asahi/index.html</t>
    <phoneticPr fontId="18"/>
  </si>
  <si>
    <t>http://www.city.miura.kanagawa.jp/kyouiku/kamihara-jr/index.html</t>
    <phoneticPr fontId="18"/>
  </si>
  <si>
    <t>http://www.city.miura.kanagawa.jp/kyouiku/minami-jr/index.html</t>
    <phoneticPr fontId="18"/>
  </si>
  <si>
    <t>秦野市</t>
  </si>
  <si>
    <t>ハダノシリツホンチョウショウガッコウ</t>
  </si>
  <si>
    <t>http://www.city.hadano.kanagawa.jp/www/contents/1001000001490/index.html</t>
  </si>
  <si>
    <t>ハダノシリツミナミショウガッコウ</t>
  </si>
  <si>
    <t>http://www.city.hadano.kanagawa.jp/www/contents/1001000001480/index.html</t>
  </si>
  <si>
    <t>ハダノシリツヒガシショウガッコウ</t>
  </si>
  <si>
    <t>http://www.city.hadano.kanagawa.jp/www/contents/1001000001479/index.html</t>
  </si>
  <si>
    <t>ハダノシリツキタショウガッコウ</t>
  </si>
  <si>
    <t>神奈川県秦野市菩提380</t>
  </si>
  <si>
    <t>http://www.city.hadano.kanagawa.jp/www/contents/1001000001486/index.html</t>
  </si>
  <si>
    <t>ハダノシリツオオネショウガッコウ</t>
  </si>
  <si>
    <t>http://www.city.hadano.kanagawa.jp/www/contents/1001000001478/index.html</t>
  </si>
  <si>
    <t>ハダノシリツニシショウガッコウ</t>
  </si>
  <si>
    <t>http://www.city.hadano.kanagawa.jp/www/contents/1001000001485/index.html</t>
  </si>
  <si>
    <t>ハダノシリツカミショウガッコウ</t>
  </si>
  <si>
    <t>http://www.city.hadano.kanagawa.jp/www/contents/1001000001488/index.html</t>
  </si>
  <si>
    <t>ハダノシリツヒロハタショウガッコウ</t>
  </si>
  <si>
    <t>http://www.city.hadano.kanagawa.jp/www/contents/1001000001483/index.html</t>
  </si>
  <si>
    <t>ハダノシリツシブサワショウガッコウ</t>
  </si>
  <si>
    <t>http://www.city.hadano.kanagawa.jp/www/contents/1001000001487/index.html</t>
  </si>
  <si>
    <t>ハダノシリツスエヒロショウガッコウ</t>
  </si>
  <si>
    <t>http://www.city.hadano.kanagawa.jp/www/contents/1001000001489/index.html</t>
  </si>
  <si>
    <t>ハダノシリツミナミガオカショウガッコウ</t>
  </si>
  <si>
    <t>http://www.city.hadano.kanagawa.jp/www/contents/1001000001484/index.html</t>
  </si>
  <si>
    <t>ハダノシリツホリカワショウガッコウ</t>
  </si>
  <si>
    <t>http://www.city.hadano.kanagawa.jp/www/contents/1001000001482/index.html</t>
  </si>
  <si>
    <t>ハダノシリツツルマキショウガッコウ</t>
  </si>
  <si>
    <t>http://www.city.hadano.kanagawa.jp/www/contents/1001000001481/index.html</t>
  </si>
  <si>
    <t>秦野市立本町中学校</t>
  </si>
  <si>
    <t>ハダノシリツホンチョウチュウガッコウ</t>
  </si>
  <si>
    <t>http://www.city.hadano.kanagawa.jp/www/contents/1001000001562/index.html</t>
  </si>
  <si>
    <t>秦野市立南中学校</t>
  </si>
  <si>
    <t>ハダノシリツミナミチュウガッコウ</t>
  </si>
  <si>
    <t>http://www.city.hadano.kanagawa.jp/www/contents/1001000001558/index.html</t>
  </si>
  <si>
    <t>秦野市立東中学校</t>
  </si>
  <si>
    <t>ハダノシリツヒガシチュウガッコウ</t>
  </si>
  <si>
    <t>http://www.city.hadano.kanagawa.jp/www/contents/1001000001559/index.html</t>
  </si>
  <si>
    <t>秦野市立北中学校</t>
  </si>
  <si>
    <t>ハダノシリツキタチュウガッコウ</t>
  </si>
  <si>
    <t>http://www.city.hadano.kanagawa.jp/www/contents/1001000001564/index.html</t>
  </si>
  <si>
    <t>秦野市立大根中学校</t>
  </si>
  <si>
    <t>ハダノシリツオオネチュウガッコウ</t>
  </si>
  <si>
    <t>http://www.city.hadano.kanagawa.jp/www/contents/1001000001566/index.html</t>
  </si>
  <si>
    <t>秦野市立西中学校</t>
  </si>
  <si>
    <t>ハダノシリツニシチュウガッコウ</t>
  </si>
  <si>
    <t>http://www.city.hadano.kanagawa.jp/www/contents/1001000001561/index.html</t>
  </si>
  <si>
    <t>秦野市立南が丘中学校</t>
  </si>
  <si>
    <t>ハダノシリツミナミガオカチュウガッコウ</t>
  </si>
  <si>
    <t>http://www.city.hadano.kanagawa.jp/www/contents/1001000001563/index.html</t>
  </si>
  <si>
    <t>秦野市立渋沢中学校</t>
  </si>
  <si>
    <t>ハダノシリツシブサワチュウガッコウ</t>
  </si>
  <si>
    <t>http://www.city.hadano.kanagawa.jp/www/contents/1001000001565/index.html</t>
  </si>
  <si>
    <t>秦野市立鶴巻中学校</t>
  </si>
  <si>
    <t>ハダノシリツツルマキチュウガッコウ</t>
  </si>
  <si>
    <t>http://www.city.hadano.kanagawa.jp/www/contents/1001000001560/index.html</t>
  </si>
  <si>
    <t>厚木市</t>
  </si>
  <si>
    <t>アツギシリツアツギショウガッコウ</t>
  </si>
  <si>
    <t>神奈川県厚木市寿町3丁目15-34</t>
  </si>
  <si>
    <t>アツギシリツエチミナミショウガッコウ</t>
  </si>
  <si>
    <t>神奈川県厚木市下依知2丁目7-1</t>
  </si>
  <si>
    <t>アツギシリツキタショウガッコウ</t>
  </si>
  <si>
    <t>アツギシリツオギノショウガッコウ</t>
  </si>
  <si>
    <t>アツギシリツサンダショウガッコウ</t>
  </si>
  <si>
    <t>アツギシリツシミズショウガッコウ</t>
  </si>
  <si>
    <t>神奈川県厚木市妻田西3丁目18-1</t>
  </si>
  <si>
    <t>アツギシリツコアユショウガッコウ</t>
  </si>
  <si>
    <t>アツギシリツタマガワショウガッコウ</t>
  </si>
  <si>
    <t>アツギシリツナンモウリショウガッコウ</t>
  </si>
  <si>
    <t>アツギシリツアイカワショウガッコウ</t>
  </si>
  <si>
    <t>神奈川県厚木市岡田5丁目10-1</t>
  </si>
  <si>
    <t>アツギシリツアツギダイニショウガッコウ</t>
  </si>
  <si>
    <t>神奈川県厚木市旭町5丁目38-1</t>
  </si>
  <si>
    <t>厚木市立緑ケ丘小学校</t>
  </si>
  <si>
    <t>アツギシリツミドリガオカショウガッコウ</t>
  </si>
  <si>
    <t>神奈川県厚木市緑ヶ丘4丁目1-1</t>
  </si>
  <si>
    <t>アツギシリツトムロショウガッコウ</t>
  </si>
  <si>
    <t>神奈川県厚木市戸室4丁目4-1</t>
  </si>
  <si>
    <t>アツギシリツアイコウショウガッコウ</t>
  </si>
  <si>
    <t>神奈川県厚木市愛甲西1丁目17-1</t>
  </si>
  <si>
    <t>アツギシリツツマダショウガッコウ</t>
  </si>
  <si>
    <t>神奈川県厚木市妻田南1丁目14-1</t>
  </si>
  <si>
    <t>アツギシリツトビオショウガッコウ</t>
  </si>
  <si>
    <t>神奈川県厚木市鳶尾2丁目12-1</t>
  </si>
  <si>
    <t>アツギシリツモウリダイショウガッコウ</t>
  </si>
  <si>
    <t>神奈川県厚木市毛利台1丁目23-1</t>
  </si>
  <si>
    <t>アツギシリツカミオギノショウガッコウ</t>
  </si>
  <si>
    <t>アツギシリツイイヤマショウガッコウ</t>
  </si>
  <si>
    <t>アツギシリツモリノサトショウガッコウ</t>
  </si>
  <si>
    <t>神奈川県厚木市森の里1丁目27-1</t>
  </si>
  <si>
    <t>アツギシリツエチショウガッコウ</t>
  </si>
  <si>
    <t>アツギシリツトダショウガッコウ</t>
  </si>
  <si>
    <t>アツギシリツカミエチショウガッコウ</t>
  </si>
  <si>
    <t>厚木市立厚木中学校</t>
  </si>
  <si>
    <t>アツギシリツアツギチュウガッコウ</t>
  </si>
  <si>
    <t>神奈川県厚木市水引1丁目1-3</t>
  </si>
  <si>
    <t>厚木市立依知中学校</t>
  </si>
  <si>
    <t>アツギシリツエチチュウガッコウ</t>
  </si>
  <si>
    <t>厚木市立荻野中学校</t>
  </si>
  <si>
    <t>アツギシリツオギノチュウガッコウ</t>
  </si>
  <si>
    <t>神奈川県厚木市鳶尾5丁目1-1</t>
  </si>
  <si>
    <t>厚木市立睦合中学校</t>
  </si>
  <si>
    <t>アツギシリツムツアイチュウガッコウ</t>
  </si>
  <si>
    <t>厚木市立小鮎中学校</t>
  </si>
  <si>
    <t>アツギシリツコアユチュウガッコウ</t>
  </si>
  <si>
    <t>厚木市立玉川中学校</t>
  </si>
  <si>
    <t>アツギシリツタマガワチュウガッコウ</t>
  </si>
  <si>
    <t>厚木市立南毛利中学校</t>
  </si>
  <si>
    <t>アツギシリツナンモウリチュウガッコウ</t>
  </si>
  <si>
    <t>神奈川県厚木市恩名2丁目16-1</t>
  </si>
  <si>
    <t>厚木市立東名中学校</t>
  </si>
  <si>
    <t>アツギシリツトウメイチュウガッコウ</t>
  </si>
  <si>
    <t>厚木市立林中学校</t>
  </si>
  <si>
    <t>アツギシリツハヤシチュウガッコウ</t>
  </si>
  <si>
    <t>神奈川県厚木市林5丁目5-1</t>
  </si>
  <si>
    <t>厚木市立藤塚中学校</t>
  </si>
  <si>
    <t>アツギシリツフジヅカチュウガッコウ</t>
  </si>
  <si>
    <t>厚木市立森の里中学校</t>
  </si>
  <si>
    <t>アツギシリツモリノサトチュウガッコウ</t>
  </si>
  <si>
    <t>神奈川県厚木市森の里3丁目35-1</t>
  </si>
  <si>
    <t>厚木市立睦合東中学校</t>
  </si>
  <si>
    <t>アツギシリツムツアイヒガシチュウガッコウ</t>
  </si>
  <si>
    <t>厚木市立相川中学校</t>
  </si>
  <si>
    <t>アツギシリツアイカワチュウガッコウ</t>
  </si>
  <si>
    <t>http://www.ed2.city.yamato.kanagawa.jp/s-kita/</t>
  </si>
  <si>
    <t>http://www.ed2.city.yamato.kanagawa.jp/s-rinka/</t>
  </si>
  <si>
    <t>http://www.ed2.city.yamato.kanagawa.jp/s-yama/</t>
  </si>
  <si>
    <t>http://www.ed2.city.yamato.kanagawa.jp/s-souya/</t>
  </si>
  <si>
    <t>http://www.ed2.city.yamato.kanagawa.jp/s-fuka/</t>
  </si>
  <si>
    <t>http://www.ed2.city.yamato.kanagawa.jp/s-saku/</t>
  </si>
  <si>
    <t>242-0023</t>
    <phoneticPr fontId="18"/>
  </si>
  <si>
    <t>神奈川県大和市渋谷7-10</t>
    <rPh sb="7" eb="9">
      <t>シブヤ</t>
    </rPh>
    <phoneticPr fontId="18"/>
  </si>
  <si>
    <t>http://www.ed2.city.yamato.kanagawa.jp/s-shibu/</t>
  </si>
  <si>
    <t>http://www.ed2.city.yamato.kanagawa.jp/s-nisit/</t>
  </si>
  <si>
    <t>http://www.ed2.city.yamato.kanagawa.jp/s-mido/</t>
  </si>
  <si>
    <t>http://www.ed2.city.yamato.kanagawa.jp/s-kamiw/</t>
  </si>
  <si>
    <t>http://www.ed2.city.yamato.kanagawa.jp/s-yana/</t>
  </si>
  <si>
    <t>http://www.ed2.city.yamato.kanagawa.jp/s-mina/</t>
  </si>
  <si>
    <t>http://www.ed2.city.yamato.kanagawa.jp/s-fuku/</t>
  </si>
  <si>
    <t>http://www.ed2.city.yamato.kanagawa.jp/s-oono/</t>
  </si>
  <si>
    <t>http://www.ed2.city.yamato.kanagawa.jp/s-shimf/</t>
  </si>
  <si>
    <t>http://www.ed2.city.yamato.kanagawa.jp/s-higa/</t>
  </si>
  <si>
    <t>http://www.ed2.city.yamato.kanagawa.jp/s-fumi/</t>
  </si>
  <si>
    <t>242-0007</t>
    <phoneticPr fontId="18"/>
  </si>
  <si>
    <t>神奈川県大和市中央林間9-54-1</t>
    <phoneticPr fontId="18"/>
  </si>
  <si>
    <t>http://www.ed2.city.yamato.kanagawa.jp/s-chu/</t>
  </si>
  <si>
    <t>http://www.ed2.city.yamato.kanagawa.jp/s-hiki/</t>
  </si>
  <si>
    <t>大和市立大和中学校</t>
    <phoneticPr fontId="21"/>
  </si>
  <si>
    <t>http://www.ed2.city.yamato.kanagawa.jp/c-yama/</t>
  </si>
  <si>
    <t>http://www.ed2.city.yamato.kanagawa.jp/c-hika/</t>
  </si>
  <si>
    <t>http://www.ed2.city.yamato.kanagawa.jp/c-shibu/</t>
  </si>
  <si>
    <t>http://www.ed2.city.yamato.kanagawa.jp/c-tuki/</t>
  </si>
  <si>
    <t>大和市立鶴間中学校</t>
    <phoneticPr fontId="21"/>
  </si>
  <si>
    <t>http://www.ed2.city.yamato.kanagawa.jp/c-turu/</t>
  </si>
  <si>
    <t>大和市立引地台中学校</t>
    <phoneticPr fontId="21"/>
  </si>
  <si>
    <t>http://www.ed2.city.yamato.kanagawa.jp/c-hiki/</t>
  </si>
  <si>
    <t>大和市立上和田中学校</t>
    <phoneticPr fontId="21"/>
  </si>
  <si>
    <t>http://www.ed2.city.yamato.kanagawa.jp/c-kamiw/</t>
  </si>
  <si>
    <t>http://www.ed2.city.yamato.kanagawa.jp/c-mina/</t>
  </si>
  <si>
    <t>http://www.ed2.city.yamato.kanagawa.jp/c-shimf/</t>
  </si>
  <si>
    <t>伊勢原市立成瀬中学校</t>
    <phoneticPr fontId="21"/>
  </si>
  <si>
    <t>海老名市</t>
  </si>
  <si>
    <t>エビナシリツエビナショウガッコウ</t>
  </si>
  <si>
    <t>http://www.ebinasyo.edu.city.ebina.kanagawa.jp/</t>
  </si>
  <si>
    <t>エビナシリツカシワガヤショウガッコウ</t>
  </si>
  <si>
    <t>http://www.kashiwagayasyo.edu.city.ebina.kanagawa.jp/</t>
  </si>
  <si>
    <t>エビナシリツアルカショウガッコウ</t>
  </si>
  <si>
    <t>http://www.arukasyo.edu.city.ebina.kanagawa.jp/</t>
  </si>
  <si>
    <t>エビナシリツアリマショウガッコウ</t>
  </si>
  <si>
    <t>http://www.arimasyo.edu.city.ebina.kanagawa.jp/</t>
  </si>
  <si>
    <t>エビナシリツオオヤショウガッコウ</t>
  </si>
  <si>
    <t>http://www.ooyasyo.edu.city.ebina.kanagawa.jp/</t>
  </si>
  <si>
    <t>エビナシリツジョウセイショウガッコウ</t>
  </si>
  <si>
    <t>http://www.jyoseisyo.edu.city.ebina.kanagawa.jp/</t>
  </si>
  <si>
    <t>エビナシリツナカシンデンショウガッコウ</t>
  </si>
  <si>
    <t>http://www.nakashindensyo.edu.city.ebina.kanagawa.jp/</t>
  </si>
  <si>
    <t>エビナシリツカドサワバシショウガッコウ</t>
  </si>
  <si>
    <t>http://www.kadosawabashisyo.edu.city.ebina.kanagawa.jp/</t>
  </si>
  <si>
    <t>エビナシリツヒガシカシワガヤナショウガッコウ</t>
  </si>
  <si>
    <t>http://www.touhakusyo.edu.city.ebina.kanagawa.jp//</t>
  </si>
  <si>
    <t>エビナシリツシャケショウガッコウ</t>
  </si>
  <si>
    <t>http://www.syakesyo.edu.city.ebina.kanagawa.jp//</t>
  </si>
  <si>
    <t>エビナシリツスギクボショウガッコウ</t>
  </si>
  <si>
    <t>http://www.sugikubosyo.edu.city.ebina.kanagawa.jp/</t>
  </si>
  <si>
    <t>エビナシリツイマイズミショウガッコウ</t>
  </si>
  <si>
    <t>http://www.imaizumisyo.edu.city.ebina.kanagawa.jp/</t>
  </si>
  <si>
    <t>エビナシリツスギモトショウガッコウ</t>
  </si>
  <si>
    <t>http://www.sugimotosyo.edu.city.ebina.kanagawa.jp/</t>
  </si>
  <si>
    <t>海老名市立海老名中学校</t>
  </si>
  <si>
    <t>エビナシリツエビナチュウガッコウ</t>
  </si>
  <si>
    <t>http://www.ebinatyu.edu.city.ebina.kanagawa.jp/</t>
  </si>
  <si>
    <t>ミルク給食と給食弁当注文方式を実施</t>
  </si>
  <si>
    <t>海老名市立有馬中学校</t>
  </si>
  <si>
    <t>エビナシリツアリマチュウガッコウ</t>
  </si>
  <si>
    <t>http://www.arimatyu.edu.city.ebina.kanagawa.jp/</t>
  </si>
  <si>
    <t>海老名市立海西中学校</t>
  </si>
  <si>
    <t>エビナシリツカイセイチュウガッコウ</t>
  </si>
  <si>
    <t>http://www.kaiseityu.edu.city.ebina.kanagawa.jp/</t>
  </si>
  <si>
    <t>海老名市立柏ケ谷中学校</t>
  </si>
  <si>
    <t>エビナシリツカシワガヤチュウガッコウ</t>
  </si>
  <si>
    <t>http://www.kashiwagayatyu.edu.city.ebina.kanagawa.jp/top/index.html</t>
  </si>
  <si>
    <t>海老名市立大谷中学校</t>
  </si>
  <si>
    <t>エビナシリツオオヤチュウガッコウ</t>
  </si>
  <si>
    <t>243-0418</t>
  </si>
  <si>
    <t>http://www.ooyatyu.edu.city.ebina.kanagawa.jp/</t>
  </si>
  <si>
    <t>海老名市立今泉中学校</t>
  </si>
  <si>
    <t>エビナシリツイマイズミチュウガッコウ</t>
  </si>
  <si>
    <t>http://www.imaizumityu.edu.city.ebina.kanagawa.jp/</t>
  </si>
  <si>
    <t>http://iwasho.ed-minamiashigara.jp/</t>
    <phoneticPr fontId="18"/>
  </si>
  <si>
    <t>http://nanchu.ed-minamiashigara.jp/</t>
    <phoneticPr fontId="18"/>
  </si>
  <si>
    <t>座間市</t>
  </si>
  <si>
    <t/>
  </si>
  <si>
    <t>綾瀬市</t>
  </si>
  <si>
    <t>アヤセシリツアヤセショウガッコウ</t>
  </si>
  <si>
    <t>アヤセシリツリョウホクショウガッコウ</t>
  </si>
  <si>
    <t>アヤセシリツリョウセイショウガッコウ</t>
  </si>
  <si>
    <t>アヤセシリツソウエンショウガッコウ</t>
  </si>
  <si>
    <t>アヤセシリツリョウナンショウガッコウ</t>
  </si>
  <si>
    <t>アヤセシリツテンダイショウガッコウ</t>
  </si>
  <si>
    <t>アヤセシリツキタノダイショウガッコウ</t>
  </si>
  <si>
    <t>アヤセシリツオチアイショウガッコウ</t>
  </si>
  <si>
    <t>アヤセシリツツチダナショウガッコウ</t>
  </si>
  <si>
    <t>アヤセシリツテラオショウガッコウ</t>
  </si>
  <si>
    <t>綾瀬市立綾瀬中学校</t>
  </si>
  <si>
    <t>アヤセシリツアヤセチュウガッコウ</t>
  </si>
  <si>
    <t>252-1106</t>
  </si>
  <si>
    <t>綾瀬市立綾北中学校</t>
  </si>
  <si>
    <t>アヤセシリツリョウホクチュウガッコウ</t>
  </si>
  <si>
    <t>252-1108</t>
  </si>
  <si>
    <t>綾瀬市立城山中学校</t>
  </si>
  <si>
    <t>アヤセシリツシロヤマチュウガッコウ</t>
  </si>
  <si>
    <t>綾瀬市立北の台中学校</t>
  </si>
  <si>
    <t>アヤセシリツキタノダイチュウガッコウ</t>
  </si>
  <si>
    <t>綾瀬市立春日台中学校</t>
  </si>
  <si>
    <t>アヤセシリツカスガダイチュウガッコウ</t>
  </si>
  <si>
    <t>ハヤマチョウリツハヤマショウガッコウ</t>
  </si>
  <si>
    <t>https://www.town.hayama.lg.jp/e_hayama/index.html</t>
  </si>
  <si>
    <t>ハヤマチョウリツカミヤマグチショウガッコウ</t>
  </si>
  <si>
    <t>https://www.town.hayama.lg.jp/kamiyamaguchi/index.html</t>
  </si>
  <si>
    <t>ハヤマチョウリツナガエショウガッコウ</t>
  </si>
  <si>
    <t>https://www.town.hayama.lg.jp/nagae/index.html</t>
  </si>
  <si>
    <t>ハヤマチョウリツイッシキショウガッコウ</t>
  </si>
  <si>
    <t>https://www.town.hayama.lg.jp/isshiki/index.html</t>
  </si>
  <si>
    <t>ハヤマチョウリツハヤマチュウガッコウ</t>
  </si>
  <si>
    <t>https://www.town.hayama.lg.jp/j_hayama/index.html</t>
  </si>
  <si>
    <t>ハヤマチョウリツナンゴウチュウガッコウ</t>
  </si>
  <si>
    <t>https://www.town.hayama.lg.jp/nangou/index.html</t>
  </si>
  <si>
    <t>寒川町立寒川東中学校</t>
  </si>
  <si>
    <t>神奈川県中郡大磯町東小磯3</t>
    <rPh sb="4" eb="6">
      <t>ナカグン</t>
    </rPh>
    <phoneticPr fontId="18"/>
  </si>
  <si>
    <t>大磯町立国府小学校</t>
  </si>
  <si>
    <t>神奈川県中郡大磯町月京18-1</t>
  </si>
  <si>
    <t>神奈川県中郡大磯町生沢530</t>
  </si>
  <si>
    <t>大磯町立大磯中学校</t>
  </si>
  <si>
    <t>神奈川県中郡大磯町東小磯261</t>
  </si>
  <si>
    <t>大磯町立国府中学校</t>
  </si>
  <si>
    <t>神奈川県中郡大磯町月京40-1</t>
  </si>
  <si>
    <t>二宮町立二宮中学校</t>
  </si>
  <si>
    <t>山北町立山北中学校</t>
  </si>
  <si>
    <t>https://www.town.kaisei.kanagawa.jp/forms/info/info.aspx?info_id=2487</t>
  </si>
  <si>
    <t>258-0029</t>
  </si>
  <si>
    <t>https://www.town.kaisei.kanagawa.jp/forms/info/info.aspx?info_id=2660</t>
  </si>
  <si>
    <t>https://www.town.kaisei.kanagawa.jp/forms/info/info.aspx?info_id=2488</t>
  </si>
  <si>
    <t>神奈川県足柄下郡箱根町湯本399</t>
    <rPh sb="4" eb="8">
      <t>アシガラシモグン</t>
    </rPh>
    <phoneticPr fontId="18"/>
  </si>
  <si>
    <t>http://yumoto-es.hakone-edu.jp/</t>
  </si>
  <si>
    <t>神奈川県足柄下郡箱根町宮城野225</t>
    <rPh sb="4" eb="8">
      <t>アシガラシモグン</t>
    </rPh>
    <phoneticPr fontId="18"/>
  </si>
  <si>
    <t>http://hmori-es.hakone-edu.jp/</t>
  </si>
  <si>
    <t>神奈川県足柄下郡箱根町仙石原981</t>
    <rPh sb="4" eb="8">
      <t>アシガラシモグン</t>
    </rPh>
    <phoneticPr fontId="18"/>
  </si>
  <si>
    <t>http://sengoku-es.hakone-edu.jp/</t>
  </si>
  <si>
    <t>神奈川県足柄下郡箱根町二ノ平1154</t>
    <rPh sb="4" eb="8">
      <t>アシガラシモグン</t>
    </rPh>
    <phoneticPr fontId="18"/>
  </si>
  <si>
    <t>0460-82-3548</t>
  </si>
  <si>
    <t>http://hakone-jhs.hakone-edu.jp/</t>
  </si>
  <si>
    <t>神奈川県足柄下郡湯河原町宮上11</t>
    <rPh sb="4" eb="8">
      <t>アシガラシモグン</t>
    </rPh>
    <phoneticPr fontId="18"/>
  </si>
  <si>
    <t>神奈川県足柄下郡湯河原町吉浜1300</t>
  </si>
  <si>
    <t>神奈川県足柄下郡湯河原町吉浜216</t>
  </si>
  <si>
    <t>神奈川県足柄下郡湯河原町吉浜1576-31</t>
  </si>
  <si>
    <t>http://www.yuchu.ed.jp/</t>
  </si>
  <si>
    <t>http://www.kiyokawa-edu.jp/sch/midori-es/</t>
  </si>
  <si>
    <t>丹沢・大山国定公園県立丹沢大山自然公園の中、美しい山並みに囲まれた静かな環境の中にあり、小規模校のよさを生かした指導や縦割り活動を多く取り入れており、地域住民との関わりも深く、交流の機会も多い学校です。</t>
    <rPh sb="0" eb="2">
      <t>タンザワ</t>
    </rPh>
    <rPh sb="3" eb="5">
      <t>オオヤマ</t>
    </rPh>
    <rPh sb="5" eb="7">
      <t>コクテイ</t>
    </rPh>
    <rPh sb="7" eb="9">
      <t>コウエン</t>
    </rPh>
    <rPh sb="9" eb="10">
      <t>ケン</t>
    </rPh>
    <rPh sb="10" eb="11">
      <t>リツ</t>
    </rPh>
    <rPh sb="11" eb="13">
      <t>タンザワ</t>
    </rPh>
    <rPh sb="13" eb="15">
      <t>オオヤマ</t>
    </rPh>
    <rPh sb="15" eb="17">
      <t>シゼン</t>
    </rPh>
    <rPh sb="17" eb="19">
      <t>コウエン</t>
    </rPh>
    <rPh sb="20" eb="21">
      <t>ナカ</t>
    </rPh>
    <rPh sb="22" eb="23">
      <t>ウツク</t>
    </rPh>
    <rPh sb="25" eb="27">
      <t>ヤマナ</t>
    </rPh>
    <rPh sb="29" eb="30">
      <t>カコ</t>
    </rPh>
    <rPh sb="33" eb="34">
      <t>シズ</t>
    </rPh>
    <rPh sb="36" eb="38">
      <t>カンキョウ</t>
    </rPh>
    <rPh sb="39" eb="40">
      <t>ナカ</t>
    </rPh>
    <rPh sb="44" eb="47">
      <t>ショウキボ</t>
    </rPh>
    <rPh sb="47" eb="48">
      <t>コウ</t>
    </rPh>
    <rPh sb="52" eb="53">
      <t>イ</t>
    </rPh>
    <rPh sb="56" eb="58">
      <t>シドウ</t>
    </rPh>
    <rPh sb="59" eb="61">
      <t>タテワ</t>
    </rPh>
    <rPh sb="62" eb="64">
      <t>カツドウ</t>
    </rPh>
    <rPh sb="65" eb="66">
      <t>オオ</t>
    </rPh>
    <rPh sb="67" eb="68">
      <t>ト</t>
    </rPh>
    <rPh sb="69" eb="70">
      <t>イ</t>
    </rPh>
    <rPh sb="75" eb="77">
      <t>チイキ</t>
    </rPh>
    <rPh sb="77" eb="79">
      <t>ジュウミン</t>
    </rPh>
    <rPh sb="81" eb="82">
      <t>カカ</t>
    </rPh>
    <rPh sb="85" eb="86">
      <t>フカ</t>
    </rPh>
    <rPh sb="88" eb="90">
      <t>コウリュウ</t>
    </rPh>
    <rPh sb="91" eb="93">
      <t>キカイ</t>
    </rPh>
    <rPh sb="94" eb="95">
      <t>オオ</t>
    </rPh>
    <rPh sb="96" eb="98">
      <t>ガッコウ</t>
    </rPh>
    <phoneticPr fontId="18"/>
  </si>
  <si>
    <t>http://www.kiyokawa-edu.jp/sch/miyagase-es/</t>
  </si>
  <si>
    <t>丹沢大山国定公園、県立丹沢大山自然公園の一角に位置する宮ヶ瀬地区に位置し、校庭から宮ヶ瀬湖を望める児童数約10名の極小規模校です。家庭・地域も教育への関心は強く、児童も意欲的に学習や運動に取り組んでいます。</t>
    <rPh sb="0" eb="2">
      <t>タンザワ</t>
    </rPh>
    <rPh sb="2" eb="4">
      <t>オオヤマ</t>
    </rPh>
    <rPh sb="4" eb="6">
      <t>コクテイ</t>
    </rPh>
    <rPh sb="6" eb="8">
      <t>コウエン</t>
    </rPh>
    <rPh sb="9" eb="10">
      <t>ケン</t>
    </rPh>
    <rPh sb="10" eb="11">
      <t>リツ</t>
    </rPh>
    <rPh sb="11" eb="13">
      <t>タンザワ</t>
    </rPh>
    <rPh sb="13" eb="15">
      <t>オオヤマ</t>
    </rPh>
    <rPh sb="15" eb="17">
      <t>シゼン</t>
    </rPh>
    <rPh sb="17" eb="19">
      <t>コウエン</t>
    </rPh>
    <rPh sb="20" eb="22">
      <t>イッカク</t>
    </rPh>
    <rPh sb="23" eb="25">
      <t>イチ</t>
    </rPh>
    <rPh sb="27" eb="30">
      <t>ミヤガセ</t>
    </rPh>
    <rPh sb="30" eb="32">
      <t>チク</t>
    </rPh>
    <rPh sb="33" eb="35">
      <t>イチ</t>
    </rPh>
    <rPh sb="37" eb="39">
      <t>コウテイ</t>
    </rPh>
    <rPh sb="41" eb="44">
      <t>ミヤガセ</t>
    </rPh>
    <rPh sb="44" eb="45">
      <t>コ</t>
    </rPh>
    <rPh sb="46" eb="47">
      <t>ノゾ</t>
    </rPh>
    <rPh sb="49" eb="51">
      <t>ジドウ</t>
    </rPh>
    <rPh sb="51" eb="52">
      <t>スウ</t>
    </rPh>
    <rPh sb="52" eb="53">
      <t>ヤク</t>
    </rPh>
    <rPh sb="55" eb="56">
      <t>メイ</t>
    </rPh>
    <rPh sb="57" eb="58">
      <t>ゴク</t>
    </rPh>
    <rPh sb="58" eb="61">
      <t>ショウキボ</t>
    </rPh>
    <rPh sb="61" eb="62">
      <t>コウ</t>
    </rPh>
    <rPh sb="65" eb="67">
      <t>カテイ</t>
    </rPh>
    <rPh sb="68" eb="70">
      <t>チイキ</t>
    </rPh>
    <rPh sb="71" eb="73">
      <t>キョウイク</t>
    </rPh>
    <rPh sb="75" eb="77">
      <t>カンシン</t>
    </rPh>
    <rPh sb="78" eb="79">
      <t>ツヨ</t>
    </rPh>
    <rPh sb="81" eb="83">
      <t>ジドウ</t>
    </rPh>
    <rPh sb="84" eb="87">
      <t>イヨクテキ</t>
    </rPh>
    <rPh sb="88" eb="90">
      <t>ガクシュウ</t>
    </rPh>
    <rPh sb="91" eb="93">
      <t>ウンドウ</t>
    </rPh>
    <rPh sb="94" eb="95">
      <t>ト</t>
    </rPh>
    <rPh sb="96" eb="97">
      <t>ク</t>
    </rPh>
    <phoneticPr fontId="18"/>
  </si>
  <si>
    <t>http://www.kiyokawa-edu.jp/sch/midori-jhs/</t>
  </si>
  <si>
    <t>周囲を山に囲まれ、水と緑の自然に恵まれた地域で、生徒は全体的に落ち着いた雰囲気で学習に取り組んでいます。</t>
    <rPh sb="0" eb="2">
      <t>シュウイ</t>
    </rPh>
    <rPh sb="3" eb="4">
      <t>ヤマ</t>
    </rPh>
    <rPh sb="5" eb="6">
      <t>カコ</t>
    </rPh>
    <rPh sb="9" eb="10">
      <t>ミズ</t>
    </rPh>
    <rPh sb="11" eb="12">
      <t>ミドリ</t>
    </rPh>
    <rPh sb="13" eb="15">
      <t>シゼン</t>
    </rPh>
    <rPh sb="16" eb="17">
      <t>メグ</t>
    </rPh>
    <rPh sb="20" eb="22">
      <t>チイキ</t>
    </rPh>
    <rPh sb="24" eb="26">
      <t>セイト</t>
    </rPh>
    <rPh sb="27" eb="30">
      <t>ゼンタイテキ</t>
    </rPh>
    <rPh sb="31" eb="32">
      <t>オ</t>
    </rPh>
    <rPh sb="33" eb="34">
      <t>ツ</t>
    </rPh>
    <rPh sb="36" eb="39">
      <t>フンイキ</t>
    </rPh>
    <rPh sb="40" eb="42">
      <t>ガクシュウ</t>
    </rPh>
    <rPh sb="43" eb="44">
      <t>ト</t>
    </rPh>
    <rPh sb="45" eb="46">
      <t>ク</t>
    </rPh>
    <phoneticPr fontId="18"/>
  </si>
  <si>
    <t>http://www.kiyokawa-edu.jp/sch/miyagase-jhs/</t>
  </si>
  <si>
    <t>宮ヶ瀬小学校と同一敷地内にあり、小学校同様に県下で最小規模の中学校です。自然環境には恵まれており、また宮ヶ瀬湖畔を中心に開催される様々なイベントなどにより、一年を通じて観光客で賑わっています。</t>
    <rPh sb="0" eb="3">
      <t>ミヤガセ</t>
    </rPh>
    <rPh sb="3" eb="4">
      <t>ショウ</t>
    </rPh>
    <rPh sb="4" eb="6">
      <t>ガッコウ</t>
    </rPh>
    <rPh sb="7" eb="9">
      <t>ドウイツ</t>
    </rPh>
    <rPh sb="9" eb="11">
      <t>シキチ</t>
    </rPh>
    <rPh sb="11" eb="12">
      <t>ナイ</t>
    </rPh>
    <rPh sb="16" eb="17">
      <t>ショウ</t>
    </rPh>
    <rPh sb="17" eb="19">
      <t>ガッコウ</t>
    </rPh>
    <rPh sb="19" eb="21">
      <t>ドウヨウ</t>
    </rPh>
    <rPh sb="22" eb="24">
      <t>ケンカ</t>
    </rPh>
    <rPh sb="25" eb="27">
      <t>サイショウ</t>
    </rPh>
    <rPh sb="27" eb="29">
      <t>キボ</t>
    </rPh>
    <rPh sb="30" eb="33">
      <t>チュウガッコウ</t>
    </rPh>
    <rPh sb="36" eb="38">
      <t>シゼン</t>
    </rPh>
    <rPh sb="38" eb="40">
      <t>カンキョウ</t>
    </rPh>
    <rPh sb="42" eb="43">
      <t>メグ</t>
    </rPh>
    <rPh sb="51" eb="54">
      <t>ミヤガセ</t>
    </rPh>
    <rPh sb="54" eb="55">
      <t>コ</t>
    </rPh>
    <rPh sb="55" eb="56">
      <t>ハン</t>
    </rPh>
    <rPh sb="57" eb="59">
      <t>チュウシン</t>
    </rPh>
    <rPh sb="60" eb="62">
      <t>カイサイ</t>
    </rPh>
    <rPh sb="65" eb="67">
      <t>サマザマ</t>
    </rPh>
    <rPh sb="78" eb="80">
      <t>イチネン</t>
    </rPh>
    <rPh sb="81" eb="82">
      <t>ツウ</t>
    </rPh>
    <rPh sb="84" eb="87">
      <t>カンコウキャク</t>
    </rPh>
    <rPh sb="88" eb="89">
      <t>ニギ</t>
    </rPh>
    <phoneticPr fontId="18"/>
  </si>
  <si>
    <t>神奈川県</t>
    <rPh sb="0" eb="4">
      <t>カナガワケン</t>
    </rPh>
    <phoneticPr fontId="18"/>
  </si>
  <si>
    <t>神奈川県立鶴見高等学校</t>
    <rPh sb="0" eb="3">
      <t>カナガワ</t>
    </rPh>
    <rPh sb="3" eb="5">
      <t>ケンリツ</t>
    </rPh>
    <rPh sb="9" eb="11">
      <t>ガッコウ</t>
    </rPh>
    <phoneticPr fontId="21"/>
  </si>
  <si>
    <t>神奈川県立鶴見総合高等学校</t>
    <rPh sb="0" eb="5">
      <t>カナガワケンリツ</t>
    </rPh>
    <rPh sb="5" eb="7">
      <t>ツルミ</t>
    </rPh>
    <rPh sb="7" eb="9">
      <t>ソウゴウ</t>
    </rPh>
    <rPh sb="9" eb="11">
      <t>コウトウ</t>
    </rPh>
    <rPh sb="11" eb="13">
      <t>ガッコウ</t>
    </rPh>
    <phoneticPr fontId="21"/>
  </si>
  <si>
    <t>神奈川県立神奈川工業高等学校</t>
    <rPh sb="0" eb="5">
      <t>カナガワケンリツ</t>
    </rPh>
    <rPh sb="10" eb="12">
      <t>コウトウ</t>
    </rPh>
    <rPh sb="12" eb="14">
      <t>ガッコウ</t>
    </rPh>
    <phoneticPr fontId="21"/>
  </si>
  <si>
    <t>神奈川県立神奈川総合高等学校</t>
  </si>
  <si>
    <t>神奈川県立横浜翠嵐高等学校</t>
    <rPh sb="0" eb="5">
      <t>カナガワケンリツ</t>
    </rPh>
    <rPh sb="9" eb="11">
      <t>コウトウ</t>
    </rPh>
    <rPh sb="11" eb="13">
      <t>ガッコウ</t>
    </rPh>
    <phoneticPr fontId="21"/>
  </si>
  <si>
    <t>神奈川県立城郷高等学校</t>
  </si>
  <si>
    <t>神奈川県立横浜平沼高等学校</t>
  </si>
  <si>
    <t>神奈川県立横浜緑ケ丘高等学校</t>
  </si>
  <si>
    <t>神奈川県立横浜立野高等学校</t>
  </si>
  <si>
    <t>神奈川県立横浜清陵高等学校</t>
  </si>
  <si>
    <t>神奈川県立横浜国際高等学校</t>
    <rPh sb="0" eb="5">
      <t>カナガワケンリツ</t>
    </rPh>
    <rPh sb="5" eb="7">
      <t>ヨコハマ</t>
    </rPh>
    <rPh sb="7" eb="9">
      <t>コクサイ</t>
    </rPh>
    <rPh sb="9" eb="11">
      <t>コウトウ</t>
    </rPh>
    <rPh sb="11" eb="13">
      <t>ガッコウ</t>
    </rPh>
    <phoneticPr fontId="21"/>
  </si>
  <si>
    <t>神奈川県立横浜南陵高等学校</t>
    <rPh sb="5" eb="7">
      <t>ヨコハマ</t>
    </rPh>
    <rPh sb="7" eb="8">
      <t>ミナミ</t>
    </rPh>
    <rPh sb="8" eb="9">
      <t>リョウ</t>
    </rPh>
    <rPh sb="9" eb="13">
      <t>コウトウガッコウ</t>
    </rPh>
    <phoneticPr fontId="21"/>
  </si>
  <si>
    <t>神奈川県立横浜明朋高等学校</t>
    <rPh sb="0" eb="3">
      <t>カナガワ</t>
    </rPh>
    <rPh sb="3" eb="5">
      <t>ケンリツ</t>
    </rPh>
    <phoneticPr fontId="20"/>
  </si>
  <si>
    <t>神奈川県立永谷高等学校</t>
  </si>
  <si>
    <t>神奈川県立光陵高等学校</t>
  </si>
  <si>
    <t>神奈川県立商工高等学校</t>
  </si>
  <si>
    <t>神奈川県立保土ケ谷高等学校</t>
  </si>
  <si>
    <t>神奈川県立二俣川看護福祉高等学校</t>
    <rPh sb="5" eb="8">
      <t>フタマタガワ</t>
    </rPh>
    <rPh sb="8" eb="10">
      <t>カンゴ</t>
    </rPh>
    <rPh sb="10" eb="12">
      <t>フクシ</t>
    </rPh>
    <rPh sb="12" eb="16">
      <t>コウトウガッコウ</t>
    </rPh>
    <phoneticPr fontId="21"/>
  </si>
  <si>
    <t>神奈川県立旭高等学校</t>
  </si>
  <si>
    <t>神奈川県立横浜旭陵高等学校</t>
  </si>
  <si>
    <t>神奈川県立磯子工業高等学校</t>
  </si>
  <si>
    <t>神奈川県立金沢総合高等学校</t>
  </si>
  <si>
    <t>神奈川県立釜利谷高等学校</t>
  </si>
  <si>
    <t>神奈川県立港北高等学校</t>
  </si>
  <si>
    <t>神奈川県立新羽高等学校</t>
  </si>
  <si>
    <t>神奈川県立岸根高等学校</t>
  </si>
  <si>
    <t>神奈川県立霧が丘高等学校</t>
  </si>
  <si>
    <t>神奈川県立白山高等学校</t>
  </si>
  <si>
    <t>神奈川県立市ケ尾高等学校</t>
  </si>
  <si>
    <t>神奈川県立田奈高等学校</t>
  </si>
  <si>
    <t>神奈川県立元石川高等学校</t>
  </si>
  <si>
    <t>神奈川県立川和高等学校</t>
  </si>
  <si>
    <t>神奈川県立荏田高等学校</t>
  </si>
  <si>
    <t>神奈川県立新栄高等学校</t>
  </si>
  <si>
    <t>神奈川県立舞岡高等学校</t>
  </si>
  <si>
    <t>神奈川県立横浜桜陽高等学校</t>
    <rPh sb="5" eb="7">
      <t>ヨコハマ</t>
    </rPh>
    <rPh sb="7" eb="8">
      <t>オウ</t>
    </rPh>
    <rPh sb="8" eb="9">
      <t>ヨウ</t>
    </rPh>
    <rPh sb="9" eb="13">
      <t>コウトウガッコウ</t>
    </rPh>
    <phoneticPr fontId="21"/>
  </si>
  <si>
    <t>神奈川県立上矢部高等学校</t>
  </si>
  <si>
    <t>神奈川県立柏陽高等学校</t>
  </si>
  <si>
    <t>神奈川県立金井高等学校</t>
  </si>
  <si>
    <t>神奈川県立横浜栄高等学校</t>
    <rPh sb="0" eb="5">
      <t>カナガワケンリツ</t>
    </rPh>
    <rPh sb="5" eb="7">
      <t>ヨコハマ</t>
    </rPh>
    <rPh sb="7" eb="8">
      <t>サカエ</t>
    </rPh>
    <rPh sb="8" eb="10">
      <t>コウトウ</t>
    </rPh>
    <rPh sb="10" eb="12">
      <t>ガッコウ</t>
    </rPh>
    <phoneticPr fontId="21"/>
  </si>
  <si>
    <t>神奈川県立松陽高等学校</t>
  </si>
  <si>
    <t>神奈川県立横浜緑園高等学校</t>
    <rPh sb="0" eb="5">
      <t>カナガワケンリツ</t>
    </rPh>
    <rPh sb="5" eb="7">
      <t>ヨコハマ</t>
    </rPh>
    <rPh sb="7" eb="9">
      <t>リョクエン</t>
    </rPh>
    <rPh sb="9" eb="11">
      <t>コウトウ</t>
    </rPh>
    <rPh sb="11" eb="13">
      <t>ガッコウ</t>
    </rPh>
    <phoneticPr fontId="21"/>
  </si>
  <si>
    <t>神奈川県立横浜修悠館高等学校</t>
    <rPh sb="0" eb="5">
      <t>カナガワケンリツ</t>
    </rPh>
    <rPh sb="5" eb="7">
      <t>ヨコハマ</t>
    </rPh>
    <rPh sb="7" eb="8">
      <t>シュウ</t>
    </rPh>
    <rPh sb="8" eb="9">
      <t>ユウ</t>
    </rPh>
    <rPh sb="9" eb="10">
      <t>カン</t>
    </rPh>
    <rPh sb="10" eb="12">
      <t>コウトウ</t>
    </rPh>
    <rPh sb="12" eb="14">
      <t>ガッコウ</t>
    </rPh>
    <phoneticPr fontId="21"/>
  </si>
  <si>
    <t>神奈川県立川崎高等学校</t>
  </si>
  <si>
    <t>神奈川県立大師高等学校</t>
  </si>
  <si>
    <t>神奈川県立川崎工科高等学校</t>
    <rPh sb="0" eb="5">
      <t>カナガワケンリツ</t>
    </rPh>
    <rPh sb="5" eb="7">
      <t>カワサキ</t>
    </rPh>
    <rPh sb="7" eb="9">
      <t>コウカ</t>
    </rPh>
    <rPh sb="9" eb="11">
      <t>コウトウ</t>
    </rPh>
    <rPh sb="11" eb="13">
      <t>ガッコウ</t>
    </rPh>
    <phoneticPr fontId="20"/>
  </si>
  <si>
    <t>神奈川県立新城高等学校</t>
  </si>
  <si>
    <t>神奈川県立住吉高等学校</t>
  </si>
  <si>
    <t>神奈川県立川崎北高等学校</t>
  </si>
  <si>
    <t>神奈川県立多摩高等学校</t>
  </si>
  <si>
    <t>神奈川県立向の岡工業高等学校</t>
  </si>
  <si>
    <t>神奈川県立生田高等学校</t>
  </si>
  <si>
    <t>神奈川県立百合丘高等学校</t>
  </si>
  <si>
    <t>神奈川県立生田東高等学校</t>
  </si>
  <si>
    <t>神奈川県立菅高等学校</t>
  </si>
  <si>
    <t>神奈川県立麻生総合高等学校</t>
  </si>
  <si>
    <t>神奈川県立麻生高等学校</t>
  </si>
  <si>
    <t>神奈川県立相原高等学校</t>
  </si>
  <si>
    <t>神奈川県立橋本高等学校</t>
  </si>
  <si>
    <t>神奈川県立津久井高等学校</t>
  </si>
  <si>
    <t>神奈川県立上溝高等学校</t>
  </si>
  <si>
    <t>神奈川県立相模原高等学校</t>
  </si>
  <si>
    <t>神奈川県立上溝南高等学校</t>
  </si>
  <si>
    <t>神奈川県立相模田名高等学校</t>
  </si>
  <si>
    <t>神奈川県立神奈川総合産業高等学校</t>
    <rPh sb="5" eb="8">
      <t>カナガワ</t>
    </rPh>
    <rPh sb="8" eb="10">
      <t>ソウゴウ</t>
    </rPh>
    <rPh sb="10" eb="12">
      <t>サンギョウ</t>
    </rPh>
    <rPh sb="12" eb="16">
      <t>コウトウガッコウ</t>
    </rPh>
    <phoneticPr fontId="21"/>
  </si>
  <si>
    <t>神奈川県立麻溝台高等学校</t>
  </si>
  <si>
    <t>神奈川県立上鶴間高等学校</t>
  </si>
  <si>
    <t>神奈川県立横須賀高等学校</t>
  </si>
  <si>
    <t>神奈川県立横須賀大津高等学校</t>
  </si>
  <si>
    <t>神奈川県立横須賀工業高等学校</t>
  </si>
  <si>
    <t>神奈川県立海洋科学高等学校</t>
    <rPh sb="0" eb="5">
      <t>カナガワケンリツ</t>
    </rPh>
    <rPh sb="5" eb="7">
      <t>カイヨウ</t>
    </rPh>
    <rPh sb="7" eb="9">
      <t>カガク</t>
    </rPh>
    <rPh sb="9" eb="11">
      <t>コウトウ</t>
    </rPh>
    <rPh sb="11" eb="13">
      <t>ガッコウ</t>
    </rPh>
    <phoneticPr fontId="21"/>
  </si>
  <si>
    <t>神奈川県立追浜高等学校</t>
  </si>
  <si>
    <t>神奈川県立津久井浜高等学校</t>
  </si>
  <si>
    <t>神奈川県立平塚江南高等学校</t>
  </si>
  <si>
    <t>神奈川県立高浜高等学校</t>
  </si>
  <si>
    <t>神奈川県立平塚湘風高等学校</t>
    <rPh sb="0" eb="5">
      <t>カナガワケンリツ</t>
    </rPh>
    <rPh sb="5" eb="7">
      <t>ヒラツカ</t>
    </rPh>
    <rPh sb="7" eb="8">
      <t>ショウ</t>
    </rPh>
    <rPh sb="8" eb="9">
      <t>フウ</t>
    </rPh>
    <rPh sb="9" eb="13">
      <t>コウトウガッコウ</t>
    </rPh>
    <phoneticPr fontId="21"/>
  </si>
  <si>
    <t>神奈川県立鎌倉高等学校</t>
  </si>
  <si>
    <t>神奈川県立七里ガ浜高等学校</t>
  </si>
  <si>
    <t>神奈川県立大船高等学校</t>
  </si>
  <si>
    <t>神奈川県立深沢高等学校</t>
  </si>
  <si>
    <t>神奈川県立湘南高等学校</t>
  </si>
  <si>
    <t>神奈川県立藤沢西高等学校</t>
  </si>
  <si>
    <t>神奈川県立藤沢工科高等学校</t>
    <rPh sb="5" eb="7">
      <t>フジサワ</t>
    </rPh>
    <rPh sb="7" eb="9">
      <t>コウカ</t>
    </rPh>
    <rPh sb="9" eb="13">
      <t>コウトウガッコウ</t>
    </rPh>
    <phoneticPr fontId="21"/>
  </si>
  <si>
    <t>神奈川県立藤沢清流高等学校</t>
    <rPh sb="0" eb="5">
      <t>カナガワケンリツ</t>
    </rPh>
    <rPh sb="5" eb="7">
      <t>フジサワ</t>
    </rPh>
    <rPh sb="7" eb="9">
      <t>セイリュウ</t>
    </rPh>
    <rPh sb="9" eb="11">
      <t>コウトウ</t>
    </rPh>
    <rPh sb="11" eb="13">
      <t>ガッコウ</t>
    </rPh>
    <phoneticPr fontId="20"/>
  </si>
  <si>
    <t>神奈川県立藤沢総合高等学校</t>
  </si>
  <si>
    <t>神奈川県立湘南台高等学校</t>
  </si>
  <si>
    <t>神奈川県立小田原高等学校</t>
  </si>
  <si>
    <t>神奈川県立小田原東高等学校</t>
    <rPh sb="0" eb="5">
      <t>カナガワケンリツ</t>
    </rPh>
    <rPh sb="5" eb="8">
      <t>オダワラ</t>
    </rPh>
    <rPh sb="8" eb="9">
      <t>ヒガシ</t>
    </rPh>
    <rPh sb="9" eb="11">
      <t>コウトウ</t>
    </rPh>
    <rPh sb="11" eb="13">
      <t>ガッコウ</t>
    </rPh>
    <phoneticPr fontId="21"/>
  </si>
  <si>
    <t>神奈川県立西湘高等学校</t>
  </si>
  <si>
    <t>神奈川県立小田原城北工業高等学校</t>
  </si>
  <si>
    <t>神奈川県立茅ケ崎高等学校</t>
  </si>
  <si>
    <t>神奈川県立茅ケ崎北陵高等学校</t>
  </si>
  <si>
    <t>神奈川県立鶴嶺高等学校</t>
  </si>
  <si>
    <t>神奈川県立茅ケ崎西浜高等学校</t>
  </si>
  <si>
    <t>神奈川県立三浦初声高等学校</t>
    <rPh sb="7" eb="8">
      <t>ハツ</t>
    </rPh>
    <rPh sb="8" eb="9">
      <t>セイ</t>
    </rPh>
    <phoneticPr fontId="21"/>
  </si>
  <si>
    <t>神奈川県立秦野高等学校</t>
  </si>
  <si>
    <t>神奈川県立秦野総合高等学校</t>
    <rPh sb="0" eb="5">
      <t>カナガワケンリツ</t>
    </rPh>
    <rPh sb="5" eb="7">
      <t>ハダノ</t>
    </rPh>
    <rPh sb="7" eb="9">
      <t>ソウゴウ</t>
    </rPh>
    <rPh sb="9" eb="11">
      <t>コウトウ</t>
    </rPh>
    <rPh sb="11" eb="13">
      <t>ガッコウ</t>
    </rPh>
    <phoneticPr fontId="21"/>
  </si>
  <si>
    <t>神奈川県立秦野曽屋高等学校</t>
  </si>
  <si>
    <t>神奈川県立厚木高等学校</t>
  </si>
  <si>
    <t>神奈川県立厚木東高等学校</t>
  </si>
  <si>
    <t>神奈川県立厚木商業高等学校</t>
  </si>
  <si>
    <t>神奈川県立厚木北高等学校</t>
  </si>
  <si>
    <t>神奈川県立厚木清南高等学校</t>
    <rPh sb="5" eb="7">
      <t>アツギ</t>
    </rPh>
    <rPh sb="7" eb="8">
      <t>キヨ</t>
    </rPh>
    <rPh sb="8" eb="9">
      <t>ナン</t>
    </rPh>
    <rPh sb="9" eb="11">
      <t>コウトウ</t>
    </rPh>
    <rPh sb="11" eb="13">
      <t>ガッコウ</t>
    </rPh>
    <phoneticPr fontId="21"/>
  </si>
  <si>
    <t>神奈川県立厚木西高等学校</t>
  </si>
  <si>
    <t>神奈川県立大和高等学校</t>
  </si>
  <si>
    <t>神奈川県立大和南高等学校</t>
  </si>
  <si>
    <t>神奈川県立大和東高等学校</t>
  </si>
  <si>
    <t>神奈川県立大和西高等学校</t>
  </si>
  <si>
    <t>神奈川県立伊勢原高等学校</t>
  </si>
  <si>
    <t>神奈川県立伊志田高等学校</t>
  </si>
  <si>
    <t>神奈川県立中央農業高等学校</t>
  </si>
  <si>
    <t>神奈川県立海老名高等学校</t>
  </si>
  <si>
    <t>神奈川県立有馬高等学校</t>
  </si>
  <si>
    <t>神奈川県立座間高等学校</t>
  </si>
  <si>
    <t>神奈川県立座間総合高等学校</t>
    <rPh sb="0" eb="5">
      <t>カナガワケンリツ</t>
    </rPh>
    <rPh sb="5" eb="7">
      <t>ザマ</t>
    </rPh>
    <rPh sb="7" eb="9">
      <t>ソウゴウ</t>
    </rPh>
    <rPh sb="9" eb="11">
      <t>コウトウ</t>
    </rPh>
    <rPh sb="11" eb="13">
      <t>ガッコウ</t>
    </rPh>
    <phoneticPr fontId="21"/>
  </si>
  <si>
    <t>神奈川県立相模向陽館高等学校</t>
    <rPh sb="0" eb="5">
      <t>カナガワケンリツ</t>
    </rPh>
    <rPh sb="5" eb="7">
      <t>サガミ</t>
    </rPh>
    <rPh sb="7" eb="8">
      <t>コウ</t>
    </rPh>
    <rPh sb="8" eb="9">
      <t>ヨウ</t>
    </rPh>
    <rPh sb="9" eb="10">
      <t>カン</t>
    </rPh>
    <rPh sb="10" eb="12">
      <t>コウトウ</t>
    </rPh>
    <rPh sb="12" eb="14">
      <t>ガッコウ</t>
    </rPh>
    <phoneticPr fontId="20"/>
  </si>
  <si>
    <t>神奈川県立足柄高等学校</t>
  </si>
  <si>
    <t>神奈川県立綾瀬高等学校</t>
  </si>
  <si>
    <t>神奈川県立綾瀬西高等学校</t>
  </si>
  <si>
    <t>神奈川県立寒川高等学校</t>
  </si>
  <si>
    <t>神奈川県立大磯高等学校</t>
  </si>
  <si>
    <t>神奈川県立二宮高等学校</t>
  </si>
  <si>
    <t>神奈川県立大井高等学校</t>
  </si>
  <si>
    <t>神奈川県立山北高等学校</t>
  </si>
  <si>
    <t>神奈川県立吉田島高等学校</t>
    <rPh sb="0" eb="5">
      <t>カナガワケンリツ</t>
    </rPh>
    <rPh sb="5" eb="7">
      <t>ヨシダ</t>
    </rPh>
    <rPh sb="7" eb="8">
      <t>ジマ</t>
    </rPh>
    <rPh sb="8" eb="10">
      <t>コウトウ</t>
    </rPh>
    <rPh sb="10" eb="12">
      <t>ガッコウ</t>
    </rPh>
    <phoneticPr fontId="20"/>
  </si>
  <si>
    <t>神奈川県立愛川高等学校</t>
  </si>
  <si>
    <t>221-0854</t>
  </si>
  <si>
    <t>221-0862</t>
  </si>
  <si>
    <t>231-0832</t>
  </si>
  <si>
    <t>232-0007</t>
  </si>
  <si>
    <t>234-0053</t>
  </si>
  <si>
    <t>241-0806</t>
  </si>
  <si>
    <t>235-0043</t>
  </si>
  <si>
    <t>236-0051</t>
  </si>
  <si>
    <t>222-0034</t>
  </si>
  <si>
    <t>226-0016</t>
  </si>
  <si>
    <t>226-0006</t>
  </si>
  <si>
    <t>225-0004</t>
  </si>
  <si>
    <t>224-0035</t>
  </si>
  <si>
    <t>247-0004</t>
  </si>
  <si>
    <t>244-0845</t>
  </si>
  <si>
    <t>210-0845</t>
  </si>
  <si>
    <t>214-0022</t>
  </si>
  <si>
    <t>214-0035</t>
  </si>
  <si>
    <t>252-0143</t>
  </si>
  <si>
    <t>240-0101</t>
  </si>
  <si>
    <t>239-0835</t>
  </si>
  <si>
    <t>254-0063</t>
  </si>
  <si>
    <t>254-0064</t>
  </si>
  <si>
    <t>254-0821</t>
  </si>
  <si>
    <t>248-0026</t>
  </si>
  <si>
    <t>247-0054</t>
  </si>
  <si>
    <t>252-0803</t>
  </si>
  <si>
    <t>252-0805</t>
  </si>
  <si>
    <t>253-0042</t>
  </si>
  <si>
    <t>238-0113</t>
  </si>
  <si>
    <t>257-0031</t>
  </si>
  <si>
    <t>243-0817</t>
  </si>
  <si>
    <t>243-0123</t>
  </si>
  <si>
    <t>259-1142</t>
  </si>
  <si>
    <t>250-0106</t>
  </si>
  <si>
    <t>255-0002</t>
  </si>
  <si>
    <t>259-0134</t>
  </si>
  <si>
    <t>258-0017</t>
  </si>
  <si>
    <t>全日／普通</t>
  </si>
  <si>
    <t>全日単位／総合</t>
  </si>
  <si>
    <t>全日単位／普通</t>
  </si>
  <si>
    <t>全日・定時／普通</t>
  </si>
  <si>
    <t>定時単位／普通</t>
  </si>
  <si>
    <t>全日／総合技術・総合ビジネス</t>
  </si>
  <si>
    <t>全日／看護・福祉</t>
  </si>
  <si>
    <t>全日／普通・美術</t>
  </si>
  <si>
    <t>通信単位／普通</t>
  </si>
  <si>
    <t>全日／総合技術</t>
  </si>
  <si>
    <t>全日／畜産科学・食品科学・環境緑地・総合ビジネス</t>
  </si>
  <si>
    <t>全日／普通、総合ビジネス</t>
  </si>
  <si>
    <t>全日／総合ビジネス</t>
  </si>
  <si>
    <t>全日／普通・スポーツ科学</t>
  </si>
  <si>
    <t>全日／園芸科学・畜産科学・農業総合</t>
  </si>
  <si>
    <t>神奈川県横浜市鶴見区下末吉6-2-1</t>
  </si>
  <si>
    <t>神奈川県横浜市鶴見区平安町2-28-8</t>
  </si>
  <si>
    <t>神奈川県横浜市神奈川区平川町19-1</t>
  </si>
  <si>
    <t>神奈川県横浜市神奈川区平川町19-2</t>
  </si>
  <si>
    <t>神奈川県横浜市神奈川区三ツ沢南町1-1</t>
  </si>
  <si>
    <t>神奈川県横浜市神奈川区三枚町364-1</t>
  </si>
  <si>
    <t>神奈川県横浜市西区岡野1-5-8</t>
  </si>
  <si>
    <t>神奈川県横浜市中区本牧間門40-1</t>
  </si>
  <si>
    <t>神奈川県横浜市南区清水ケ丘41</t>
  </si>
  <si>
    <t>神奈川県横浜市港南区日野中央2-26-1</t>
  </si>
  <si>
    <t>神奈川県横浜市港南区港南台9-18-1</t>
  </si>
  <si>
    <t>神奈川県横浜市港南区下永谷1-28-1</t>
  </si>
  <si>
    <t>神奈川県横浜市旭区南希望が丘79-1</t>
  </si>
  <si>
    <t>神奈川県横浜市旭区中尾1-5-1</t>
  </si>
  <si>
    <t>神奈川県横浜市旭区上白根町1161-7</t>
  </si>
  <si>
    <t>神奈川県横浜市磯子区森5-24-1</t>
  </si>
  <si>
    <t>神奈川県横浜市磯子区氷取沢町938-2</t>
  </si>
  <si>
    <t>神奈川県横浜市金沢区富岡東6-34-1</t>
  </si>
  <si>
    <t>神奈川県横浜市金沢区釜利谷東4-58-1</t>
  </si>
  <si>
    <t>神奈川県横浜市港北区大倉山7-35-1</t>
  </si>
  <si>
    <t>神奈川県横浜市港北区新羽町1348</t>
  </si>
  <si>
    <t>神奈川県横浜市港北区岸根町370</t>
  </si>
  <si>
    <t>神奈川県横浜市緑区霧が丘6-16-1</t>
  </si>
  <si>
    <t>神奈川県横浜市緑区白山4-71-1</t>
  </si>
  <si>
    <t>神奈川県横浜市青葉区桂台2-39-2</t>
  </si>
  <si>
    <t>神奈川県横浜市青葉区元石川町4116</t>
  </si>
  <si>
    <t>神奈川県横浜市都筑区川和町2226-1</t>
  </si>
  <si>
    <t>神奈川県横浜市都筑区荏田南3-9-1</t>
  </si>
  <si>
    <t>神奈川県横浜市都筑区新栄町1-1</t>
  </si>
  <si>
    <t>神奈川県横浜市戸塚区南舞岡3-36-1</t>
  </si>
  <si>
    <t>神奈川県横浜市戸塚区汲沢町973</t>
  </si>
  <si>
    <t>神奈川県横浜市戸塚区上矢部町3230</t>
  </si>
  <si>
    <t>神奈川県横浜市栄区柏陽1-1</t>
  </si>
  <si>
    <t>神奈川県横浜市栄区金井町100</t>
  </si>
  <si>
    <t>神奈川県横浜市栄区上郷町555</t>
  </si>
  <si>
    <t>神奈川県横浜市泉区和泉町7713</t>
  </si>
  <si>
    <t>神奈川県横浜市泉区岡津町2667</t>
  </si>
  <si>
    <t>神奈川県横浜市泉区和泉町2563</t>
  </si>
  <si>
    <t>神奈川県川崎市川崎区渡田山王町22-6</t>
  </si>
  <si>
    <t>神奈川県川崎市川崎区四谷下町25-1</t>
  </si>
  <si>
    <t>神奈川県川崎市中原区上平間1700-7</t>
  </si>
  <si>
    <t>神奈川県川崎市中原区下新城1-14-1</t>
  </si>
  <si>
    <t>神奈川県川崎市中原区木月住吉町34-1</t>
  </si>
  <si>
    <t>神奈川県川崎市宮前区有馬3-22-1</t>
  </si>
  <si>
    <t>神奈川県川崎市多摩区宿河原5-14-1</t>
  </si>
  <si>
    <t>神奈川県川崎市多摩区堰1-28-1</t>
  </si>
  <si>
    <t>神奈川県川崎市多摩区長沢3-17-1</t>
  </si>
  <si>
    <t>神奈川県川崎市多摩区南生田4-2-1</t>
  </si>
  <si>
    <t>神奈川県川崎市多摩区生田4-32-1</t>
  </si>
  <si>
    <t>神奈川県川崎市多摩区菅馬場4-2-1</t>
  </si>
  <si>
    <t>神奈川県川崎市麻生区片平1778</t>
  </si>
  <si>
    <t>神奈川県川崎市麻生区金程3-4-1</t>
  </si>
  <si>
    <t>神奈川県相模原市緑区橋本8-8-1</t>
  </si>
  <si>
    <t>神奈川県相模原市緑区三ケ木272-1</t>
  </si>
  <si>
    <t>神奈川県相模原市中央区上溝6-5-1</t>
  </si>
  <si>
    <t>神奈川県相模原市中央区横山1-7-20</t>
  </si>
  <si>
    <t>神奈川県相模原市中央区上溝269</t>
  </si>
  <si>
    <t>神奈川県相模原市中央区弥栄3-1-8</t>
  </si>
  <si>
    <t>神奈川県相模原市中央区田名6786-1</t>
  </si>
  <si>
    <t>神奈川県相模原市南区文京1-11-1</t>
  </si>
  <si>
    <t>神奈川県相模原市南区北里2-11-1</t>
  </si>
  <si>
    <t>神奈川県相模原市南区上鶴間本町9-31-1</t>
  </si>
  <si>
    <t>神奈川県横須賀市公郷町3-109</t>
  </si>
  <si>
    <t>神奈川県横須賀市大津町4-17-1</t>
  </si>
  <si>
    <t>神奈川県横須賀市公郷町4-10</t>
  </si>
  <si>
    <t>神奈川県横須賀市長坂1-2-1</t>
  </si>
  <si>
    <t>神奈川県横須賀市夏島町13</t>
  </si>
  <si>
    <t>神奈川県横須賀市津久井4-4-1</t>
  </si>
  <si>
    <t>神奈川県横須賀市佐原4-20-1</t>
  </si>
  <si>
    <t>神奈川県平塚市諏訪町5-1</t>
  </si>
  <si>
    <t>神奈川県平塚市黒部丘12-7</t>
  </si>
  <si>
    <t>神奈川県平塚市高浜台8-1</t>
  </si>
  <si>
    <t>神奈川県平塚市田村3-13-1</t>
  </si>
  <si>
    <t>神奈川県鎌倉市七里ガ浜2-21-1</t>
  </si>
  <si>
    <t>神奈川県鎌倉市七里ガ浜東2-3-1</t>
  </si>
  <si>
    <t>神奈川県鎌倉市高野8-1</t>
  </si>
  <si>
    <t>神奈川県鎌倉市手広6-4-1</t>
  </si>
  <si>
    <t>神奈川県藤沢市鵠沼神明5-6-10</t>
  </si>
  <si>
    <t>神奈川県藤沢市大庭3608-2</t>
  </si>
  <si>
    <t>神奈川県藤沢市今田744</t>
  </si>
  <si>
    <t>神奈川県藤沢市大鋸1450</t>
  </si>
  <si>
    <t>神奈川県藤沢市長後1909</t>
  </si>
  <si>
    <t>神奈川県藤沢市円行1986</t>
  </si>
  <si>
    <t>神奈川県小田原市城山3-26-1</t>
  </si>
  <si>
    <t>神奈川県小田原市東町4-12-1</t>
  </si>
  <si>
    <t>神奈川県小田原市酒匂1-3-1</t>
  </si>
  <si>
    <t>神奈川県小田原市栢山200</t>
  </si>
  <si>
    <t>神奈川県茅ヶ崎市本村3-4-1</t>
  </si>
  <si>
    <t>神奈川県茅ヶ崎市下寺尾128</t>
  </si>
  <si>
    <t>神奈川県茅ヶ崎市円蔵1-16-1</t>
  </si>
  <si>
    <t>神奈川県茅ヶ崎市南湖7-12869-11</t>
  </si>
  <si>
    <t>神奈川県三浦市初声町入江274-2</t>
  </si>
  <si>
    <t>神奈川県秦野市下大槻113</t>
  </si>
  <si>
    <t>神奈川県秦野市南が丘1-4-1</t>
  </si>
  <si>
    <t>神奈川県秦野市曽屋3613-1</t>
  </si>
  <si>
    <t>神奈川県厚木市戸室2-24-1</t>
  </si>
  <si>
    <t>神奈川県厚木市王子1-1-1</t>
  </si>
  <si>
    <t>神奈川県厚木市王子3-1-1</t>
  </si>
  <si>
    <t>神奈川県厚木市下荻野886</t>
  </si>
  <si>
    <t>神奈川県厚木市岡田1-12-1</t>
  </si>
  <si>
    <t>神奈川県厚木市森の里青山12-1</t>
  </si>
  <si>
    <t>神奈川県大和市つきみ野3-4</t>
  </si>
  <si>
    <t>神奈川県大和市上和田2557</t>
  </si>
  <si>
    <t>神奈川県大和市深見1760</t>
  </si>
  <si>
    <t>神奈川県大和市南林間9-5-1</t>
  </si>
  <si>
    <t>神奈川県伊勢原市田中1008-3</t>
  </si>
  <si>
    <t>神奈川県伊勢原市石田1356-1</t>
  </si>
  <si>
    <t>神奈川県海老名市中新田4-12-1</t>
  </si>
  <si>
    <t>神奈川県海老名市中新田1-26-1</t>
  </si>
  <si>
    <t>神奈川県座間市栗原2487</t>
  </si>
  <si>
    <t>神奈川県座間市ひばりが丘3-58-1</t>
  </si>
  <si>
    <t>神奈川県南足柄市怒田860</t>
  </si>
  <si>
    <t>神奈川県綾瀬市寺尾南1-4-1</t>
  </si>
  <si>
    <t>神奈川県綾瀬市早川1485-1</t>
  </si>
  <si>
    <t>神奈川県寒川町一之宮9-30-1</t>
  </si>
  <si>
    <t>神奈川県大磯町東町2-9-1</t>
  </si>
  <si>
    <t>神奈川県二宮町一色1363</t>
  </si>
  <si>
    <t>神奈川県大井町西大井984-1</t>
  </si>
  <si>
    <t>神奈川県山北町向原2370</t>
  </si>
  <si>
    <t>神奈川県開成町吉田島281</t>
  </si>
  <si>
    <t>神奈川県愛川町三増822-1</t>
  </si>
  <si>
    <t>神奈川県三浦郡葉山町堀内2050-1</t>
    <phoneticPr fontId="18"/>
  </si>
  <si>
    <t>神奈川県中郡二宮町百合が丘2-7</t>
    <phoneticPr fontId="18"/>
  </si>
  <si>
    <t>神奈川県足柄上郡中井町半分形350</t>
    <phoneticPr fontId="18"/>
  </si>
  <si>
    <t>神奈川県足柄上郡中井町井ノ口2005</t>
    <phoneticPr fontId="18"/>
  </si>
  <si>
    <t>神奈川県足柄上郡中井町比奈窪295</t>
    <phoneticPr fontId="18"/>
  </si>
  <si>
    <t>神奈川県足柄上郡大井町金子1436</t>
    <phoneticPr fontId="18"/>
  </si>
  <si>
    <t>神奈川県足柄上郡大井町山田580</t>
    <phoneticPr fontId="18"/>
  </si>
  <si>
    <t>神奈川県足柄上郡大井町上大井171</t>
    <phoneticPr fontId="18"/>
  </si>
  <si>
    <t>神奈川県足柄上郡大井町金子1950</t>
    <phoneticPr fontId="18"/>
  </si>
  <si>
    <t>神奈川県愛甲郡清川村煤ヶ谷2076</t>
    <phoneticPr fontId="18"/>
  </si>
  <si>
    <t>神奈川県愛甲郡清川村宮ヶ瀬954-1</t>
    <phoneticPr fontId="18"/>
  </si>
  <si>
    <t>神奈川県愛川町中津544</t>
  </si>
  <si>
    <t>http://www.aikawa-edu.jp/sch/nakatsu-es/</t>
  </si>
  <si>
    <t>神奈川県愛川町三増767</t>
  </si>
  <si>
    <t>http://www.aikawa-edu.jp/sch/takamine-es/</t>
  </si>
  <si>
    <t>神奈川県愛川町田代500</t>
  </si>
  <si>
    <t>http://www.aikawa-edu.jp/sch/tashiro-es/</t>
  </si>
  <si>
    <t>神奈川県愛川町半原2201</t>
  </si>
  <si>
    <t>http://www.aikawa-edu.jp/sch/hanbara-es/</t>
  </si>
  <si>
    <t>神奈川県愛川町春日台2-9-1</t>
  </si>
  <si>
    <t>神奈川県愛川町中津1103</t>
  </si>
  <si>
    <t>http://www.aikawa-edu.jp/sch/sugawara-es/</t>
  </si>
  <si>
    <t>愛川町立愛川東中学校</t>
  </si>
  <si>
    <t>神奈川県愛川町中津1400</t>
  </si>
  <si>
    <t>http://www.aikawa-edu.jp/sch/aikawahigashi-jhs/</t>
  </si>
  <si>
    <t>愛川町立愛川中学校</t>
  </si>
  <si>
    <t>神奈川県愛川町田代1395</t>
  </si>
  <si>
    <t>http://www.aikawa-edu.jp/sch/aikawa-jhs/</t>
  </si>
  <si>
    <t>243-0301</t>
  </si>
  <si>
    <t>神奈川県愛川町角田210</t>
  </si>
  <si>
    <t>http://www.aikawa-edu.jp/sch/aikawanakahara-jhs/</t>
  </si>
  <si>
    <t>マナヅルチョウリツマナヅルショウガッコウ</t>
  </si>
  <si>
    <t>神奈川県真鶴町真鶴543</t>
  </si>
  <si>
    <t>http://www.town.manazuru.kanagawa.jp/manasho/index.html</t>
  </si>
  <si>
    <t>マナヅルチョウリツマナヅルチュウガッコウ</t>
  </si>
  <si>
    <t>神奈川県真鶴町真鶴1855</t>
  </si>
  <si>
    <t>http://www.town.manazuru.kanagawa.jp/manachu/index.html</t>
  </si>
  <si>
    <t>045-581-4692</t>
  </si>
  <si>
    <t>045-584-8505</t>
  </si>
  <si>
    <t>045-506-1234</t>
  </si>
  <si>
    <t>045-504-8733</t>
  </si>
  <si>
    <t>045-491-9461</t>
  </si>
  <si>
    <t>045-413-4101</t>
  </si>
  <si>
    <t>045-491-2000</t>
  </si>
  <si>
    <t>045-491-3190</t>
  </si>
  <si>
    <t>045-311-4621</t>
  </si>
  <si>
    <t>045-312-9142</t>
  </si>
  <si>
    <t>045-382-5254</t>
  </si>
  <si>
    <t>045-382-7691</t>
  </si>
  <si>
    <t>045-313-9200</t>
  </si>
  <si>
    <t>045-311-0519</t>
  </si>
  <si>
    <t>045-621-8641</t>
  </si>
  <si>
    <t>045-624-0765</t>
  </si>
  <si>
    <t>045-621-0261</t>
  </si>
  <si>
    <t>045-242-1926</t>
  </si>
  <si>
    <t>045-253-6393</t>
  </si>
  <si>
    <t>045-721-1434</t>
  </si>
  <si>
    <t>045-742-9493</t>
  </si>
  <si>
    <t>045-842-3764</t>
  </si>
  <si>
    <t>045-846-6856</t>
  </si>
  <si>
    <t>045-836-1680</t>
  </si>
  <si>
    <t>045-835-1248</t>
  </si>
  <si>
    <t>045-824-2126</t>
  </si>
  <si>
    <t>045-825-3605</t>
  </si>
  <si>
    <t>045-712-5577</t>
  </si>
  <si>
    <t>045-742-9717</t>
  </si>
  <si>
    <t>045-353-0591</t>
  </si>
  <si>
    <t>045-353-1565</t>
  </si>
  <si>
    <t>045-371-7781</t>
  </si>
  <si>
    <t>045-371-4560</t>
  </si>
  <si>
    <t>045-391-0061</t>
  </si>
  <si>
    <t>045-361-9789</t>
  </si>
  <si>
    <t>045-391-6165</t>
  </si>
  <si>
    <t>045-361-9777</t>
  </si>
  <si>
    <t>045-953-3301</t>
  </si>
  <si>
    <t>045-951-3117</t>
  </si>
  <si>
    <t>045-953-1004</t>
  </si>
  <si>
    <t>045-951-3151</t>
  </si>
  <si>
    <t>045-761-0251</t>
  </si>
  <si>
    <t>045-754-3171</t>
  </si>
  <si>
    <t>045-772-0606</t>
  </si>
  <si>
    <t>045-776-2468</t>
  </si>
  <si>
    <t>045-773-6771</t>
  </si>
  <si>
    <t>045-776-2406</t>
  </si>
  <si>
    <t>045-785-1670</t>
  </si>
  <si>
    <t>045-786-4188</t>
  </si>
  <si>
    <t>045-541-6251</t>
  </si>
  <si>
    <t>045-545-7871</t>
  </si>
  <si>
    <t>045-543-8631</t>
  </si>
  <si>
    <t>045-545-7794</t>
  </si>
  <si>
    <t>045-401-7872</t>
  </si>
  <si>
    <t>045-402-8406</t>
  </si>
  <si>
    <t>045-921-6911</t>
  </si>
  <si>
    <t>045-923-0753</t>
  </si>
  <si>
    <t>045-933-2231</t>
  </si>
  <si>
    <t>045-935-0573</t>
  </si>
  <si>
    <t>045-971-2041</t>
  </si>
  <si>
    <t>045-972-6522</t>
  </si>
  <si>
    <t>045-962-3135</t>
  </si>
  <si>
    <t>045-962-9039</t>
  </si>
  <si>
    <t>045-902-2692</t>
  </si>
  <si>
    <t>045-902-8948</t>
  </si>
  <si>
    <t>045-941-2436</t>
  </si>
  <si>
    <t>045-942-0826</t>
  </si>
  <si>
    <t>045-941-3111</t>
  </si>
  <si>
    <t>045-942-0814</t>
  </si>
  <si>
    <t>045-593-0307</t>
  </si>
  <si>
    <t>045-591-5292</t>
  </si>
  <si>
    <t>045-823-8761</t>
  </si>
  <si>
    <t>045-825-3573</t>
  </si>
  <si>
    <t>045-862-9343</t>
  </si>
  <si>
    <t>045-862-6364</t>
  </si>
  <si>
    <t>045-861-3500</t>
  </si>
  <si>
    <t>045-862-6347</t>
  </si>
  <si>
    <t>045-892-2105</t>
  </si>
  <si>
    <t>045-895-0856</t>
  </si>
  <si>
    <t>045-852-4721</t>
  </si>
  <si>
    <t>045-852-7748</t>
  </si>
  <si>
    <t>045-891-5581</t>
  </si>
  <si>
    <t>045-895-0587</t>
  </si>
  <si>
    <t>045-803-3036</t>
  </si>
  <si>
    <t>045-802-9935</t>
  </si>
  <si>
    <t>045-812-3371</t>
  </si>
  <si>
    <t>045-813-1431</t>
  </si>
  <si>
    <t>045-800-3711</t>
  </si>
  <si>
    <t>045-802-3773</t>
  </si>
  <si>
    <t>044-344-5821</t>
  </si>
  <si>
    <t>044-344-9140</t>
  </si>
  <si>
    <t>044-276-1201</t>
  </si>
  <si>
    <t>044-266-5961</t>
  </si>
  <si>
    <t>044-511-0114</t>
  </si>
  <si>
    <t>044-549-0138</t>
  </si>
  <si>
    <t>044-766-7457</t>
  </si>
  <si>
    <t>044-752-7812</t>
  </si>
  <si>
    <t>044-433-8555</t>
  </si>
  <si>
    <t>044-433-8760</t>
  </si>
  <si>
    <t>044-855-2631</t>
  </si>
  <si>
    <t>044-855-7769</t>
  </si>
  <si>
    <t>044-911-7107</t>
  </si>
  <si>
    <t>044-934-4650</t>
  </si>
  <si>
    <t>044-833-5221</t>
  </si>
  <si>
    <t>044-812-6556</t>
  </si>
  <si>
    <t>044-977-3800</t>
  </si>
  <si>
    <t>044-976-9398</t>
  </si>
  <si>
    <t>044-977-8955</t>
  </si>
  <si>
    <t>044-976-8735</t>
  </si>
  <si>
    <t>044-932-1211</t>
  </si>
  <si>
    <t>044-934-4648</t>
  </si>
  <si>
    <t>044-944-4141</t>
  </si>
  <si>
    <t>044-944-9190</t>
  </si>
  <si>
    <t>044-987-1750</t>
  </si>
  <si>
    <t>044-989-6074</t>
  </si>
  <si>
    <t>044-966-7766</t>
  </si>
  <si>
    <t>044-953-9234</t>
  </si>
  <si>
    <t>042-774-0611</t>
  </si>
  <si>
    <t>042-771-1176</t>
  </si>
  <si>
    <t>042-784-1053</t>
  </si>
  <si>
    <t>042-784-7960</t>
  </si>
  <si>
    <t>042-762-0008</t>
  </si>
  <si>
    <t>042-762-5873</t>
  </si>
  <si>
    <t>042-752-4133</t>
  </si>
  <si>
    <t>042-753-6348</t>
  </si>
  <si>
    <t>042-778-1981</t>
  </si>
  <si>
    <t>042-778-4057</t>
  </si>
  <si>
    <t>042-758-4695</t>
  </si>
  <si>
    <t>042-751-6137</t>
  </si>
  <si>
    <t>042-761-3339</t>
  </si>
  <si>
    <t>042-763-3802</t>
  </si>
  <si>
    <t>042-742-6111</t>
  </si>
  <si>
    <t>042-740-2851</t>
  </si>
  <si>
    <t>042-778-2731</t>
  </si>
  <si>
    <t>042-778-4094</t>
  </si>
  <si>
    <t>042-743-5622</t>
  </si>
  <si>
    <t>042-743-5803</t>
  </si>
  <si>
    <t>046-851-0120</t>
  </si>
  <si>
    <t>046-851-5282</t>
  </si>
  <si>
    <t>046-836-0281</t>
  </si>
  <si>
    <t>046-836-8879</t>
  </si>
  <si>
    <t>046-851-2122</t>
  </si>
  <si>
    <t>046-851-5643</t>
  </si>
  <si>
    <t>046-856-3128</t>
  </si>
  <si>
    <t>046-857-6457</t>
  </si>
  <si>
    <t>046-865-4174</t>
  </si>
  <si>
    <t>046-865-9891</t>
  </si>
  <si>
    <t>046-848-2121</t>
  </si>
  <si>
    <t>046-848-8939</t>
  </si>
  <si>
    <t>046-834-5671</t>
  </si>
  <si>
    <t>046-834-3564</t>
  </si>
  <si>
    <t>0463-31-2066</t>
  </si>
  <si>
    <t>0463-31-5363</t>
  </si>
  <si>
    <t>0463-31-0944</t>
  </si>
  <si>
    <t>0463-34-9384</t>
  </si>
  <si>
    <t>0463-31-0417</t>
  </si>
  <si>
    <t>0463-32-6983</t>
  </si>
  <si>
    <t>0463-21-0417</t>
  </si>
  <si>
    <t>0463-23-7138</t>
  </si>
  <si>
    <t>0463-55-1532</t>
  </si>
  <si>
    <t>0463-54-8299</t>
  </si>
  <si>
    <t>0467-32-4851</t>
  </si>
  <si>
    <t>0467-31-1669</t>
  </si>
  <si>
    <t>0467-32-5457</t>
  </si>
  <si>
    <t>0467-32-7202</t>
  </si>
  <si>
    <t>0467-47-1811</t>
  </si>
  <si>
    <t>0467-43-4856</t>
  </si>
  <si>
    <t>0467-31-6600</t>
  </si>
  <si>
    <t>0467-31-3350</t>
  </si>
  <si>
    <t>0466-26-4151</t>
  </si>
  <si>
    <t>0466-28-0020</t>
  </si>
  <si>
    <t>0466-87-2150</t>
  </si>
  <si>
    <t>0466-87-9704</t>
  </si>
  <si>
    <t>0466-43-3402</t>
  </si>
  <si>
    <t>0466-43-4942</t>
  </si>
  <si>
    <t>0466-82-8111</t>
  </si>
  <si>
    <t>0466-83-3536</t>
  </si>
  <si>
    <t>0466-45-5200</t>
  </si>
  <si>
    <t>0466-46-0817</t>
  </si>
  <si>
    <t>0466-45-6600</t>
  </si>
  <si>
    <t>0466-46-0787</t>
  </si>
  <si>
    <t>0465-23-1201</t>
  </si>
  <si>
    <t>0465-23-6144</t>
  </si>
  <si>
    <t>0465-34-2847</t>
  </si>
  <si>
    <t>0465-35-9038</t>
  </si>
  <si>
    <t>0465-47-2171</t>
  </si>
  <si>
    <t>0465-48-2350</t>
  </si>
  <si>
    <t>0465-36-0111</t>
  </si>
  <si>
    <t>0465-37-5425</t>
  </si>
  <si>
    <t>0467-52-2225</t>
  </si>
  <si>
    <t>0467-54-2117</t>
  </si>
  <si>
    <t>0467-51-0311</t>
  </si>
  <si>
    <t>0467-54-2160</t>
  </si>
  <si>
    <t>0467-52-6601</t>
  </si>
  <si>
    <t>0467-54-2124</t>
  </si>
  <si>
    <t>0467-85-0008</t>
  </si>
  <si>
    <t>0467-87-7899</t>
  </si>
  <si>
    <t>046-889-1771</t>
  </si>
  <si>
    <t>046-888-3857</t>
  </si>
  <si>
    <t>0463-77-1422</t>
  </si>
  <si>
    <t>0463-79-1886</t>
  </si>
  <si>
    <t>0463-82-1400</t>
  </si>
  <si>
    <t>0463-83-4092</t>
  </si>
  <si>
    <t>0463-82-4000</t>
  </si>
  <si>
    <t>0463-83-5342</t>
  </si>
  <si>
    <t>046-221-4078</t>
  </si>
  <si>
    <t>046-222-8243</t>
  </si>
  <si>
    <t>046-221-3158</t>
  </si>
  <si>
    <t>046-222-8204</t>
  </si>
  <si>
    <t>046-223-6669</t>
  </si>
  <si>
    <t>046-222-8244</t>
  </si>
  <si>
    <t>046-241-8001</t>
  </si>
  <si>
    <t>046-242-6948</t>
  </si>
  <si>
    <t>046-228-2015</t>
  </si>
  <si>
    <t>046-229-2674</t>
  </si>
  <si>
    <t>046-248-1705</t>
  </si>
  <si>
    <t>046-248-7461</t>
  </si>
  <si>
    <t>046-274-0026</t>
  </si>
  <si>
    <t>046-277-0691</t>
  </si>
  <si>
    <t>046-269-5050</t>
  </si>
  <si>
    <t>046-268-4390</t>
  </si>
  <si>
    <t>046-264-1515</t>
  </si>
  <si>
    <t>046-262-3655</t>
  </si>
  <si>
    <t>046-276-1155</t>
  </si>
  <si>
    <t>046-277-0681</t>
  </si>
  <si>
    <t>0463-95-2578</t>
  </si>
  <si>
    <t>0463-96-2558</t>
  </si>
  <si>
    <t>0463-93-5613</t>
  </si>
  <si>
    <t>0463-96-2961</t>
  </si>
  <si>
    <t>046-231-5202</t>
  </si>
  <si>
    <t>046-231-1599</t>
  </si>
  <si>
    <t>046-232-2231</t>
  </si>
  <si>
    <t>046-231-1762</t>
  </si>
  <si>
    <t>046-238-1333</t>
  </si>
  <si>
    <t>046-238-7980</t>
  </si>
  <si>
    <t>046-253-2011</t>
  </si>
  <si>
    <t>046-252-5452</t>
  </si>
  <si>
    <t>046-253-2920</t>
  </si>
  <si>
    <t>046-252-6020</t>
  </si>
  <si>
    <t>046-298-3455</t>
  </si>
  <si>
    <t>046-298-3458</t>
  </si>
  <si>
    <t>0465-73-0010</t>
  </si>
  <si>
    <t>0465-73-3278</t>
  </si>
  <si>
    <t>0467-76-1400</t>
  </si>
  <si>
    <t>0467-76-8241</t>
  </si>
  <si>
    <t>0467-77-5121</t>
  </si>
  <si>
    <t>0467-76-8199</t>
  </si>
  <si>
    <t>0467-74-2312</t>
  </si>
  <si>
    <t>0467-74-9012</t>
  </si>
  <si>
    <t>0463-61-0058</t>
  </si>
  <si>
    <t>0463-61-7982</t>
  </si>
  <si>
    <t>0463-71-3215</t>
  </si>
  <si>
    <t>0463-73-3027</t>
  </si>
  <si>
    <t>0465-83-4101</t>
  </si>
  <si>
    <t>0465-83-6222</t>
  </si>
  <si>
    <t>0465-75-0828</t>
  </si>
  <si>
    <t>0465-75-1770</t>
  </si>
  <si>
    <t>0465-82-0151</t>
  </si>
  <si>
    <t>0465-82-7684</t>
  </si>
  <si>
    <t>046-286-2871</t>
  </si>
  <si>
    <t>046-286-5494</t>
  </si>
  <si>
    <t>神奈川県立相模原中等教育学校</t>
    <rPh sb="0" eb="5">
      <t>カナガワケンリツ</t>
    </rPh>
    <rPh sb="5" eb="8">
      <t>サガミハラ</t>
    </rPh>
    <rPh sb="8" eb="10">
      <t>チュウトウ</t>
    </rPh>
    <rPh sb="10" eb="12">
      <t>キョウイク</t>
    </rPh>
    <rPh sb="12" eb="14">
      <t>ガッコウ</t>
    </rPh>
    <phoneticPr fontId="21"/>
  </si>
  <si>
    <t>神奈川県立平塚中等教育学校</t>
    <rPh sb="0" eb="5">
      <t>カナガワケンリツ</t>
    </rPh>
    <rPh sb="5" eb="7">
      <t>ヒラツカ</t>
    </rPh>
    <rPh sb="7" eb="9">
      <t>チュウトウ</t>
    </rPh>
    <rPh sb="9" eb="11">
      <t>キョウイク</t>
    </rPh>
    <rPh sb="11" eb="13">
      <t>ガッコウ</t>
    </rPh>
    <phoneticPr fontId="21"/>
  </si>
  <si>
    <t>前期・後期</t>
    <rPh sb="0" eb="2">
      <t>ゼンキ</t>
    </rPh>
    <rPh sb="3" eb="5">
      <t>コウキ</t>
    </rPh>
    <phoneticPr fontId="20"/>
  </si>
  <si>
    <t>神奈川県相模原市南区相模大野4-1-1</t>
    <rPh sb="0" eb="4">
      <t>カナガワケン</t>
    </rPh>
    <rPh sb="8" eb="10">
      <t>ミナミク</t>
    </rPh>
    <phoneticPr fontId="21"/>
  </si>
  <si>
    <t>神奈川県平塚市大原1-13</t>
    <rPh sb="0" eb="4">
      <t>カナガワケン</t>
    </rPh>
    <phoneticPr fontId="18"/>
  </si>
  <si>
    <t>ヨコハマシリツスエヨシショウガッコウ</t>
  </si>
  <si>
    <t>ヨコハマシリツイチバショウガッコウ</t>
  </si>
  <si>
    <t>ヨコハマシリツウシオダショウガッコウ</t>
  </si>
  <si>
    <t>ヨコハマシリツヒガシダイショウガッコウ</t>
  </si>
  <si>
    <t>ヨコハマシリツアサヒショウガッコウ</t>
  </si>
  <si>
    <t>ヨコハマシリツナマムギショウガッコウ</t>
  </si>
  <si>
    <t>ヨコハマシリツトヨオカショウガッコウ</t>
  </si>
  <si>
    <t>ヨコハマシリツシタノヤショウガッコウ</t>
  </si>
  <si>
    <t>ヨコハマシリツイリフネショウガッコウ</t>
  </si>
  <si>
    <t>ヨコハマシリツツルミショウガッコウ</t>
  </si>
  <si>
    <t>ヨコハマシリツヘイアンショウガッコウ</t>
  </si>
  <si>
    <t>ヨコハマシリツキシヤショウガッコウ</t>
  </si>
  <si>
    <t>ヨコハマシリツヤコウショウガッコウ</t>
  </si>
  <si>
    <t>ヨコハマシリツカミスエヨシショウガッコウ</t>
  </si>
  <si>
    <t>ヨコハマシリツシモスエヨシショウガッコウ</t>
  </si>
  <si>
    <t>ヨコハマシリツテラオショウガッコウ</t>
  </si>
  <si>
    <t>ヨコハマシリツシオイリショウガッコウ</t>
  </si>
  <si>
    <t>ヨコハマシリツババショウガッコウ</t>
  </si>
  <si>
    <t>ヨコハマシリツコマオカショウガッコウ</t>
  </si>
  <si>
    <t>ヨコハマシリツシシガヤショウガッコウ</t>
  </si>
  <si>
    <t>ヨコハマシリツカミテラオショウガッコウ</t>
  </si>
  <si>
    <t>ヨコハマシリツシンツルミショウガッコウ</t>
  </si>
  <si>
    <t>ヨコハマシリツコヤスショウガッコウ</t>
  </si>
  <si>
    <t>ヨコハマシリツアオキショウガッコウ</t>
  </si>
  <si>
    <t>ヨコハマシリツカナガワショウガッコウ</t>
  </si>
  <si>
    <t>ヨコハマシリツカミハシショウガッコウ</t>
  </si>
  <si>
    <t>ヨコハマシリツフタツヤショウガッコウ</t>
  </si>
  <si>
    <t>ヨコハマシリツウラシマショウガッコウ</t>
  </si>
  <si>
    <t>ヨコハマシリツコウガヤショウガッコウ</t>
  </si>
  <si>
    <t>ヨコハマシリツミツザワショウガッコウ</t>
  </si>
  <si>
    <t>ヨコハマシリツシラハタショウガッコウ</t>
  </si>
  <si>
    <t>ヨコハマシリツサイトウブンショウガッコウ</t>
  </si>
  <si>
    <t>ヨコハマシリツニシテラオショウガッコウ</t>
  </si>
  <si>
    <t>ヨコハマシリツオオグチダイショウガッコウ</t>
  </si>
  <si>
    <t>ヨコハマシリツカンダイジショウガッコウ</t>
  </si>
  <si>
    <t>ヨコハマシリツニシテラオダイニショウガッコウ</t>
  </si>
  <si>
    <t>ヨコハマシリツナカマルショウガッコウ</t>
  </si>
  <si>
    <t>ヨコハマシリツハザワショウガッコウ</t>
  </si>
  <si>
    <t>ヨコハマシリツミナミカンダイジショウガッコウ</t>
  </si>
  <si>
    <t>ヨコハマシリツトベショウガッコウ</t>
  </si>
  <si>
    <t>ヨコハマシリツアズマショウガッコウ</t>
  </si>
  <si>
    <t>ヨコハマシリツヒラヌマショウガッコウ</t>
  </si>
  <si>
    <t>ヨコハマシリツミヤガヤショウガッコウ</t>
  </si>
  <si>
    <t>ヨコハマシリツイッポンマツショウガッコウ</t>
  </si>
  <si>
    <t>ヨコハマシリツニシマエショウガッコウ</t>
  </si>
  <si>
    <t>ヨコハマシリツイナリダイショウガッコウ</t>
  </si>
  <si>
    <t>ヨコハマシリツセンゲンダイショウガッコウ</t>
  </si>
  <si>
    <t>ヨコハマシリツミナトミライホンチョウショウガッコウ</t>
  </si>
  <si>
    <t>ヨコハマシリツキタガタショウガッコウ</t>
  </si>
  <si>
    <t>ヨコハマシリツモトマチショウガッコウ</t>
  </si>
  <si>
    <t>ヨコハマシリツホンチョウショウガッコウ</t>
  </si>
  <si>
    <t>ヨコハマシリツタテノショウガッコウ</t>
  </si>
  <si>
    <t>ヨコハマシリツオオトリショウガッコウ</t>
  </si>
  <si>
    <t>ヨコハマシリツヤマモトショウガッコウ</t>
  </si>
  <si>
    <t>ヨコハマシリツマカドショウガッコウ</t>
  </si>
  <si>
    <t>ヨコハマシリツホンモクミナミショウガッコウ</t>
  </si>
  <si>
    <t>ヨコハマシリツホンモクショウガッコウ</t>
  </si>
  <si>
    <t>ヨコハマシリツイシカワショウガッコウ</t>
  </si>
  <si>
    <t>ヨコハマシリツオオオカショウガッコウ</t>
  </si>
  <si>
    <t>ヨコハマシリツオオタショウガッコウ</t>
  </si>
  <si>
    <t>ヨコハマシリツミナミヨシダショウガッコウ</t>
  </si>
  <si>
    <t>ヨコハマシリツヒエショウガッコウ</t>
  </si>
  <si>
    <t>ヨコハマシリツミナミオオタショウガッコウ</t>
  </si>
  <si>
    <t>ヨコハマシリツイドガヤショウガッコウ</t>
  </si>
  <si>
    <t>ヨコハマシリツマイタショウガッコウ</t>
  </si>
  <si>
    <t>ヨコハマシリツナカムラショウガッコウ</t>
  </si>
  <si>
    <t>ヨコハマシリツミナミショウガッコウ</t>
  </si>
  <si>
    <t>ヨコハマシリツナガタショウガッコウ</t>
  </si>
  <si>
    <t>ヨコハマシリツムツカワショウガッコウ</t>
  </si>
  <si>
    <t>ヨコハマシリツフジノキショウガッコウ</t>
  </si>
  <si>
    <t>ヨコハマシリツナガタダイショウガッコウ</t>
  </si>
  <si>
    <t>ヨコハマシリツムツカワダイショウガッコウ</t>
  </si>
  <si>
    <t>ヨコハマシリツベッショショウガッコウ</t>
  </si>
  <si>
    <t>ヨコハマシリツムツカワニシショウガッコウ</t>
  </si>
  <si>
    <t>ヨコハマシリツヒノショウガッコウ</t>
  </si>
  <si>
    <t>ヨコハマシリツナガノショウガッコウ</t>
  </si>
  <si>
    <t>ヨコハマシリツヒシタショウガッコウ</t>
  </si>
  <si>
    <t>ヨコハマシリツサクラオカショウガッコウ</t>
  </si>
  <si>
    <t>ヨコハマシリツミナミダイショウガッコウ</t>
  </si>
  <si>
    <t>ヨコハマシリツセリガヤショウガッコウ</t>
  </si>
  <si>
    <t>ヨコハマシリツヨシハラショウガッコウ</t>
  </si>
  <si>
    <t>ヨコハマシリツシモナガヤショウガッコウ</t>
  </si>
  <si>
    <t>ヨコハマシリツカミオオオカショウガッコウ</t>
  </si>
  <si>
    <t>ヨコハマシリツセリガヤミナミショウガッコウ</t>
  </si>
  <si>
    <t>ヨコハマシリツヒギリヤマショウガッコウ</t>
  </si>
  <si>
    <t>ヨコハマシリツコウナンダイダイイチショウガッコウ</t>
  </si>
  <si>
    <t>ヨコハマシリツヒノミナミショウガッコウ</t>
  </si>
  <si>
    <t>ヨコハマシリツシモノバショウガッコウ</t>
  </si>
  <si>
    <t>ヨコハマシリツソウブヤマショウガッコウ</t>
  </si>
  <si>
    <t>ヨコハマシリツナガヤショウガッコウ</t>
  </si>
  <si>
    <t>ヨコハマシリツコウナンダイダイニショウガッコウ</t>
  </si>
  <si>
    <t>ヨコハマシリツコウナンダイダイサンショウガッコウ</t>
  </si>
  <si>
    <t>ヨコハマシリツマルヤマダイショウガッコウ</t>
  </si>
  <si>
    <t>ヨコハマシリツコツボショウガッコウ</t>
  </si>
  <si>
    <t>ヨコハマシリツノバスズカケショウガッコウ</t>
  </si>
  <si>
    <t>ヨコハマシリツホシカワショウガッコウ</t>
  </si>
  <si>
    <t>ヨコハマシリツホドガヤショウガッコウ</t>
  </si>
  <si>
    <t>ヨコハマシリツカワシマショウガッコウ</t>
  </si>
  <si>
    <t>ヨコハマシリツイマイショウガッコウ</t>
  </si>
  <si>
    <t>ヨコハマシリツカタビラショウガッコウ</t>
  </si>
  <si>
    <t>ヨコハマシリツミネショウガッコウ</t>
  </si>
  <si>
    <t>ヨコハマシリツイワサキショウガッコウ</t>
  </si>
  <si>
    <t>ヨコハマシリツフジミダイショウガッコウ</t>
  </si>
  <si>
    <t>ヨコハマシリツサクラダイショウガッコウ</t>
  </si>
  <si>
    <t>ヨコハマシリツトキワダイショウガッコウ</t>
  </si>
  <si>
    <t>ヨコハマシリツハツネガオカショウガッコウ</t>
  </si>
  <si>
    <t>ヨコハマシリツブッコウショウガッコウ</t>
  </si>
  <si>
    <t>ヨコハマシリツカミホシカワショウガッコウ</t>
  </si>
  <si>
    <t>ヨコハマシリツアライショウガッコウ</t>
  </si>
  <si>
    <t>ヨコハマシリツサカモトショウガッコウ</t>
  </si>
  <si>
    <t>ヨコハマシリツフジヅカショウガッコウ</t>
  </si>
  <si>
    <t>ヨコハマシリツセトガヤショウガッコウ</t>
  </si>
  <si>
    <t>ヨコハマシリツゴンタザカショウガッコウ</t>
  </si>
  <si>
    <t>ヨコハマシリツフタマタガワショウガッコウ</t>
  </si>
  <si>
    <t>ヨコハマシリツイチサワショウガッコウ</t>
  </si>
  <si>
    <t>ヨコハマシリツシラネショウガッコウ</t>
  </si>
  <si>
    <t>ヨコハマシリツツオカショウガッコウ</t>
  </si>
  <si>
    <t>ヨコハマシリツキボウガオカショウガッコウ</t>
  </si>
  <si>
    <t>ヨコハマシリツツルガミネショウガッコウ</t>
  </si>
  <si>
    <t>ヨコハマシリツホンジュクショウガッコウ</t>
  </si>
  <si>
    <t>ヨコハマシリツマキガハラショウガッコウ</t>
  </si>
  <si>
    <t>ヨコハマシリツイマジュクショウガッコウ</t>
  </si>
  <si>
    <t>ヨコハマシリツヒガシキボウガオカショウガッコウ</t>
  </si>
  <si>
    <t>ヨコハマシリツカミカワイショウガッコウ</t>
  </si>
  <si>
    <t>ヨコハマシリツサチガオカショウガッコウ</t>
  </si>
  <si>
    <t>ヨコハマシリツササノダイショウガッコウ</t>
  </si>
  <si>
    <t>ヨコハマシリツナカザワショウガッコウ</t>
  </si>
  <si>
    <t>ヨコハマシリツシキノモリショウガッコウ</t>
  </si>
  <si>
    <t>ヨコハマシリツカワイショウガッコウ</t>
  </si>
  <si>
    <t>ヨコハマシリツフドウマルショウガッコウ</t>
  </si>
  <si>
    <t>ヨコハマシリツカミシラネショウガッコウ</t>
  </si>
  <si>
    <t>ヨコハマシリツミナミホンジュクショウガッコウ</t>
  </si>
  <si>
    <t>ヨコハマシリツナカオショウガッコウ</t>
  </si>
  <si>
    <t>ヨコハマシリツゼンブショウガッコウ</t>
  </si>
  <si>
    <t>ヨコハマシリツイマジュクミナミショウガッコウ</t>
  </si>
  <si>
    <t>ヨコハマシリツワカバダイショウガッコウ</t>
  </si>
  <si>
    <t>ヨコハマシリツサコンヤマショウガッコウ</t>
  </si>
  <si>
    <t>ヨコハマシリツイソゴショウガッコウ</t>
  </si>
  <si>
    <t>ヨコハマシリツスギタショウガッコウ</t>
  </si>
  <si>
    <t>ヨコハマシリツネギシショウガッコウ</t>
  </si>
  <si>
    <t>ヨコハマシリツタキガシラショウガッコウ</t>
  </si>
  <si>
    <t>ヨコハマシリツハマショウガッコウ</t>
  </si>
  <si>
    <t>ヨコハマシリツビョウブガウラショウガッコウ</t>
  </si>
  <si>
    <t>ヨコハマシリツバイリンショウガッコウ</t>
  </si>
  <si>
    <t>ヨコハマシリツオカムラショウガッコウ</t>
  </si>
  <si>
    <t>ヨコハマシリツシオミダイショウガッコウ</t>
  </si>
  <si>
    <t>ヨコハマシリツヨウコウダイダイイチショウガッコウ</t>
  </si>
  <si>
    <t>ヨコハマシリツヨウコウダイダイニショウガッコウ</t>
  </si>
  <si>
    <t>ヨコハマシリツサワノサトショウガッコウ</t>
  </si>
  <si>
    <t>ヨコハマシリツヨウコウダイダイサンショウガッコウ</t>
  </si>
  <si>
    <t>ヨコハマシリツヨウコウダイダイヨンショウガッコウ</t>
  </si>
  <si>
    <t>ヨコハマシリツモリヒガシショウガッコウ</t>
  </si>
  <si>
    <t>ヨコハマシリツサンノウダイショウガッコウ</t>
  </si>
  <si>
    <t>ヨコハマシリツカナザワショウガッコウ</t>
  </si>
  <si>
    <t>ヨコハマシリツムツウラショウガッコウ</t>
  </si>
  <si>
    <t>ヨコハマシリツカマリヤショウガッコウ</t>
  </si>
  <si>
    <t>ヨコハマシリツトミオカショウガッコウ</t>
  </si>
  <si>
    <t>ヨコハマシリツダイドウショウガッコウ</t>
  </si>
  <si>
    <t>ヨコハマシリツハッケイショウガッコウ</t>
  </si>
  <si>
    <t>ヨコハマシリツブンコショウガッコウ</t>
  </si>
  <si>
    <t>ヨコハマシリツセガサキショウガッコウ</t>
  </si>
  <si>
    <t>ヨコハマシリツニシシバショウガッコウ</t>
  </si>
  <si>
    <t>ヨコハマシリツニシトミオカショウガッコウ</t>
  </si>
  <si>
    <t>ヨコハマシリツアサヒナショウガッコウ</t>
  </si>
  <si>
    <t>ヨコハマシリツタカフネダイショウガッコウ</t>
  </si>
  <si>
    <t>ヨコハマシリツナミキダイイチショウガッコウ</t>
  </si>
  <si>
    <t>ヨコハマシリツカマリヤヒガシショウガッコウ</t>
  </si>
  <si>
    <t>ヨコハマシリツナミキチュウオウショウガッコウ</t>
  </si>
  <si>
    <t>ヨコハマシリツナミキダイヨンショウガッコウ</t>
  </si>
  <si>
    <t>ヨコハマシリツノウケンダイショウガッコウ</t>
  </si>
  <si>
    <t>ヨコハマシリツカマリヤミナミショウガッコウ</t>
  </si>
  <si>
    <t>ヨコハマシリツコダショウガッコウ</t>
  </si>
  <si>
    <t>ヨコハマシリツムツウラミナミショウガッコウ</t>
  </si>
  <si>
    <t>ヨコハマシリツノウケンダイミナミショウガッコウ</t>
  </si>
  <si>
    <t>ヨコハマシリツヒヨシダイショウガッコウ</t>
  </si>
  <si>
    <t>ヨコハマシリツタカタショウガッコウ</t>
  </si>
  <si>
    <t>ヨコハマシリツニッタショウガッコウ</t>
  </si>
  <si>
    <t>ヨコハマシリツオオツナショウガッコウ</t>
  </si>
  <si>
    <t>ヨコハマシリツシロサトショウガッコウ</t>
  </si>
  <si>
    <t>ヨコハマシリツコウホクショウガッコウ</t>
  </si>
  <si>
    <t>ヨコハマシリツツナシマショウガッコウ</t>
  </si>
  <si>
    <t>ヨコハマシリツキクナショウガッコウ</t>
  </si>
  <si>
    <t>ヨコハマシリツシノハラショウガッコウ</t>
  </si>
  <si>
    <t>ヨコハマシリツシモダショウガッコウ</t>
  </si>
  <si>
    <t>ヨコハマシリツオオソネショウガッコウ</t>
  </si>
  <si>
    <t>ヨコハマシリツヒヨシミナミショウガッコウ</t>
  </si>
  <si>
    <t>ヨコハマシリツシノハラニシショウガッコウ</t>
  </si>
  <si>
    <t>ヨコハマシリツシンヨシダショウガッコウ</t>
  </si>
  <si>
    <t>ヨコハマシリツツナシマヒガシショウガッコウ</t>
  </si>
  <si>
    <t>ヨコハマシリツモロオカショウガッコウ</t>
  </si>
  <si>
    <t>ヨコハマシリツヤガミショウガッコウ</t>
  </si>
  <si>
    <t>ヨコハマシリツコマバヤシショウガッコウ</t>
  </si>
  <si>
    <t>ヨコハマシリツタカタヒガシショウガッコウ</t>
  </si>
  <si>
    <t>ヨコハマシリツフトオショウガッコウ</t>
  </si>
  <si>
    <t>ヨコハマシリツニッパショウガッコウ</t>
  </si>
  <si>
    <t>ヨコハマシリツキタツナシマショウガッコウ</t>
  </si>
  <si>
    <t>ヨコハマシリツシンヨシダダイニショウガッコウ</t>
  </si>
  <si>
    <t>ヨコハマシリツマメドショウガッコウ</t>
  </si>
  <si>
    <t>ヨコハマシリツコヅクエショウガッコウ</t>
  </si>
  <si>
    <t>ヨコハマシリツヤマシタショウガッコウ</t>
  </si>
  <si>
    <t>ヨコハマシリツナガツタショウガッコウ</t>
  </si>
  <si>
    <t>ヨコハマシリツカモイショウガッコウ</t>
  </si>
  <si>
    <t>ヨコハマシリツニイハルショウガッコウ</t>
  </si>
  <si>
    <t>ヨコハマシリツモリノダイショウガッコウ</t>
  </si>
  <si>
    <t>ヨコハマシリツトオカイチバショウガッコウ</t>
  </si>
  <si>
    <t>ヨコハマシリツミホショウガッコウ</t>
  </si>
  <si>
    <t>ヨコハマシリツタケヤマショウガッコウ</t>
  </si>
  <si>
    <t>ヨコハマシリツナガツタダイニショウガッコウ</t>
  </si>
  <si>
    <t>ヨコハマシリツヒガシホンゴウショウガッコウ</t>
  </si>
  <si>
    <t>ヨコハマシリツカミヤマショウガッコウ</t>
  </si>
  <si>
    <t>ヨコハマシリツミドリショウガッコウ</t>
  </si>
  <si>
    <t>ヨコハマシリツイブキノショウガッコウ</t>
  </si>
  <si>
    <t>ヨコハマシリツナカヤマショウガッコウ</t>
  </si>
  <si>
    <t>ヨコハマシリツヤマシタミドリダイショウガッコウ</t>
  </si>
  <si>
    <t>ヨコハマシリツクロガネショウガッコウ</t>
  </si>
  <si>
    <t>ヨコハマシリツヤモトショウガッコウ</t>
  </si>
  <si>
    <t>ヨコハマシリツタナショウガッコウ</t>
  </si>
  <si>
    <t>ヨコハマシリツヤマウチショウガッコウ</t>
  </si>
  <si>
    <t>ヨコハマシリツナラショウガッコウ</t>
  </si>
  <si>
    <t>ヨコハマシリツツツジガオカショウガッコウ</t>
  </si>
  <si>
    <t>ヨコハマシリツウツクシガオカショウガッコウ</t>
  </si>
  <si>
    <t>ヨコハマシリツアオバダイショウガッコウ</t>
  </si>
  <si>
    <t>ヨコハマシリツエノキガオカショウガッコウ</t>
  </si>
  <si>
    <t>ヨコハマシリツモエギノショウガッコウ</t>
  </si>
  <si>
    <t>ヨコハマシリツモトイシカワショウガッコウ</t>
  </si>
  <si>
    <t>ヨコハマシリツミタケダイショウガッコウ</t>
  </si>
  <si>
    <t>ヨコハマシリツフジガオカショウガッコウ</t>
  </si>
  <si>
    <t>ヨコハマシリツウツクシガオカヒガシショウガッコウ</t>
  </si>
  <si>
    <t>ヨコハマシリツイチガオショウガッコウ</t>
  </si>
  <si>
    <t>ヨコハマシリツアザミノダイイチショウガッコウ</t>
  </si>
  <si>
    <t>ヨコハマシリツアザミノダイニショウガッコウ</t>
  </si>
  <si>
    <t>ヨコハマシリツケンザンショウガッコウ</t>
  </si>
  <si>
    <t>ヨコハマシリツカモシダダイイチショウガッコウ</t>
  </si>
  <si>
    <t>ヨコハマシリツヒガシイチガオショウガッコウ</t>
  </si>
  <si>
    <t>ヨコハマシリツカモシダミドリショウガッコウ</t>
  </si>
  <si>
    <t>ヨコハマシリツエコダショウガッコウ</t>
  </si>
  <si>
    <t>ヨコハマシリツオンダショウガッコウ</t>
  </si>
  <si>
    <t>ヨコハマシリツシンイシカワショウガッコウ</t>
  </si>
  <si>
    <t>ヨコハマシリツサツキガオカショウガッコウ</t>
  </si>
  <si>
    <t>ヨコハマシリツエダニシショウガッコウ</t>
  </si>
  <si>
    <t>ヨコハマシリツカツラショウガッコウ</t>
  </si>
  <si>
    <t>ヨコハマシリツナラノオカショウガッコウ</t>
  </si>
  <si>
    <t>ヨコハマシリツクロスダショウガッコウ</t>
  </si>
  <si>
    <t>ヨコハマシリツウツクシガオカニシショウガッコウ</t>
  </si>
  <si>
    <t>ヨコハマシリツナカガワショウガッコウ</t>
  </si>
  <si>
    <t>ヨコハマシリツツダショウガッコウ</t>
  </si>
  <si>
    <t>ヨコハマシリツカワワショウガッコウ</t>
  </si>
  <si>
    <t>ヨコハマシリツオリモトショウガッコウ</t>
  </si>
  <si>
    <t>ヨコハマシリツカチダショウガッコウ</t>
  </si>
  <si>
    <t>ヨコハマシリツヤマタショウガッコウ</t>
  </si>
  <si>
    <t>ヨコハマシリツエダショウガッコウ</t>
  </si>
  <si>
    <t>ヨコハマシリツスミレガオカショウガッコウ</t>
  </si>
  <si>
    <t>ヨコハマシリツツダニシショウガッコウ</t>
  </si>
  <si>
    <t>ヨコハマシリツエダヒガシダイイチショウガッコウ</t>
  </si>
  <si>
    <t>ヨコハマシリツエダミナミショウガッコウ</t>
  </si>
  <si>
    <t>ヨコハマシリツチガサキショウガッコウ</t>
  </si>
  <si>
    <t>ヨコハマシリツナカガワニシショウガッコウ</t>
  </si>
  <si>
    <t>ヨコハマシリツカワワヒガシショウガッコウ</t>
  </si>
  <si>
    <t>ヨコハマシリツチガサキダイショウガッコウ</t>
  </si>
  <si>
    <t>ヨコハマシリツキタヤマタショウガッコウ</t>
  </si>
  <si>
    <t>ヨコハマシリツツヅキショウガッコウ</t>
  </si>
  <si>
    <t>ヨコハマシリツミナミヤマタショウガッコウ</t>
  </si>
  <si>
    <t>ヨコハマシリツツヅキノオカショウガッコウ</t>
  </si>
  <si>
    <t>ヨコハマシリツヒガシヤマタショウガッコウ</t>
  </si>
  <si>
    <t>ヨコハマシリツチガサキヒガシショウガッコウ</t>
  </si>
  <si>
    <t>ヨコハマシリツウシクボショウガッコウ</t>
  </si>
  <si>
    <t>ヨコハマシリツトツカショウガッコウ</t>
  </si>
  <si>
    <t>ヨコハマシリツカワカミショウガッコウ</t>
  </si>
  <si>
    <t>ヨコハマシリツタイショウショウガッコウ</t>
  </si>
  <si>
    <t>ヨコハマシリツヒガシトツカショウガッコウ</t>
  </si>
  <si>
    <t>ヨコハマシリツグミサワショウガッコウ</t>
  </si>
  <si>
    <t>ヨコハマシリツサカイギショウガッコウ</t>
  </si>
  <si>
    <t>ヨコハマシリツカワカミキタショウガッコウ</t>
  </si>
  <si>
    <t>ヨコハマシリツカシオショウガッコウ</t>
  </si>
  <si>
    <t>ヨコハマシリツコスズメショウガッコウ</t>
  </si>
  <si>
    <t>ヨコハマシリツヤベショウガッコウ</t>
  </si>
  <si>
    <t>ヨコハマシリツミナミトツカショウガッコウ</t>
  </si>
  <si>
    <t>ヨコハマシリツヒラドショウガッコウ</t>
  </si>
  <si>
    <t>ヨコハマシリツフカヤショウガッコウ</t>
  </si>
  <si>
    <t>ヨコハマシリツヨコハマフカヤダイショウガッコウ</t>
  </si>
  <si>
    <t>ヨコハマシリツヒガシグミサワショウガッコウ</t>
  </si>
  <si>
    <t>ヨコハマシリツナセショウガッコウ</t>
  </si>
  <si>
    <t>ヨコハマシリツヒラドダイショウガッコウ</t>
  </si>
  <si>
    <t>ヨコハマシリツトリガオカショウガッコウ</t>
  </si>
  <si>
    <t>ヨコハマシリツミナミマイオカショウガッコウ</t>
  </si>
  <si>
    <t>ヨコハマシリツカミヤベショウガッコウ</t>
  </si>
  <si>
    <t>ヨコハマシリツシナノショウガッコウ</t>
  </si>
  <si>
    <t>ヨコハマシリツアキバショウガッコウ</t>
  </si>
  <si>
    <t>ヨコハマシリツヒガシマタノショウガッコウ</t>
  </si>
  <si>
    <t>ヨコハマシリツマイオカショウガッコウ</t>
  </si>
  <si>
    <t>ヨコハマシリツクラタショウガッコウ</t>
  </si>
  <si>
    <t>ヨコハマシリツヒガシシナノショウガッコウ</t>
  </si>
  <si>
    <t>ヨコハマシリツシモゴウショウガッコウ</t>
  </si>
  <si>
    <t>ヨコハマシリツショウドショウガッコウ</t>
  </si>
  <si>
    <t>ヨコハマシリツイイダキタイチョウショウガッコウ</t>
  </si>
  <si>
    <t>ヨコハマシリツセヤサクラショウガッコウ</t>
  </si>
  <si>
    <t>ヨコハマシリツイチバチュウガッコウ</t>
  </si>
  <si>
    <t>ヨコハマシリツウシオダチュウガッコウ</t>
  </si>
  <si>
    <t>ヨコハマシリツスエヨシチュウガッコウ</t>
  </si>
  <si>
    <t>ヨコハマシリツツルミチュウガッコウ</t>
  </si>
  <si>
    <t>ヨコハマシリツテラオチュウガッコウ</t>
  </si>
  <si>
    <t>ヨコハマシリツナマムギチュウガッコウ</t>
  </si>
  <si>
    <t>ヨコハマシリツカンセイチュウガッコウ</t>
  </si>
  <si>
    <t>ヨコハマシリツヤコウチュウガッコウ</t>
  </si>
  <si>
    <t>ヨコハマシリツカミノミヤチュウガッコウ</t>
  </si>
  <si>
    <t>ヨコハマシリツヨコハマサイエンスフロンティアコウトウガッコウフゾクチュウガッコウ</t>
  </si>
  <si>
    <t>ヨコハマシリツウラシマオカチュウガッコウ</t>
  </si>
  <si>
    <t>ヨコハマシリツクリタヤチュウガッコウ</t>
  </si>
  <si>
    <t>ヨコハマシリツロッカクバシチュウガッコウ</t>
  </si>
  <si>
    <t>ヨコハマシリツカナガワチュウガッコウ</t>
  </si>
  <si>
    <t>ヨコハマシリツマツモトチュウガッコウ</t>
  </si>
  <si>
    <t>ヨコハマシリツニシキダイチュウガッコウ</t>
  </si>
  <si>
    <t>ヨコハマシリツスゲタチュウガッコウ</t>
  </si>
  <si>
    <t>ヨコハマシリツオイマツチュウガッコウ</t>
  </si>
  <si>
    <t>ヨコハマシリツオカノチュウガッコウ</t>
  </si>
  <si>
    <t>ヨコハマシリツニシチュウガッコウ</t>
  </si>
  <si>
    <t>ヨコハマシリツカルイサワチュウガッコウ</t>
  </si>
  <si>
    <t>ヨコハマシリツミナトチュウガッコウ</t>
  </si>
  <si>
    <t>ヨコハマシリツオオトリチュウガッコウ</t>
  </si>
  <si>
    <t>ヨコハマシリツナカオダイチュウガッコウ</t>
  </si>
  <si>
    <t>ヨコハマシリツホンモクチュウガッコウ</t>
  </si>
  <si>
    <t>ヨコハマシリツヨコハマヨシダチュウガッコウ</t>
  </si>
  <si>
    <t>ヨコハマシリツキョウシンチュウガッコウ</t>
  </si>
  <si>
    <t>ヨコハマシリツヘイラクチュウガッコウ</t>
  </si>
  <si>
    <t>ヨコハマシリツマイタチュウガッコウ</t>
  </si>
  <si>
    <t>ヨコハマシリツミナミチュウガッコウ</t>
  </si>
  <si>
    <t>ヨコハマシリツミナミガオカチュウガッコウ</t>
  </si>
  <si>
    <t>ヨコハマシリツナガタチュウガッコウ</t>
  </si>
  <si>
    <t>ヨコハマシリツムツカワチュウガッコウ</t>
  </si>
  <si>
    <t>ヨコハマシリツフジノキチュウガッコウ</t>
  </si>
  <si>
    <t>ヨコハマシリツコウナンチュウガッコウ</t>
  </si>
  <si>
    <t>ヨコハマシリツカミナガヤチュウガッコウ</t>
  </si>
  <si>
    <t>ヨコハマシリツササゲチュウガッコウ</t>
  </si>
  <si>
    <t>ヨコハマシリツコウナンダイダイイチチュウガッコウ</t>
  </si>
  <si>
    <t>ヨコハマシリツセリガヤチュウガッコウ</t>
  </si>
  <si>
    <t>ヨコハマシリツヒギリヤマチュウガッコウ</t>
  </si>
  <si>
    <t>ヨコハマシリツヒノミナミチュウガッコウ</t>
  </si>
  <si>
    <t>ヨコハマシリツヒガシナガヤチュウガッコウ</t>
  </si>
  <si>
    <t>ヨコハマシリツミナミコウトウガッコウフゾクチュウガッコウ</t>
  </si>
  <si>
    <t>ヨコハマシリツイワサキチュウガッコウ</t>
  </si>
  <si>
    <t>ヨコハマシリツホドガヤチュウガッコウ</t>
  </si>
  <si>
    <t>ヨコハマシリツミヤタチュウガッコウ</t>
  </si>
  <si>
    <t>ヨコハマシリツイワイハラチュウガッコウ</t>
  </si>
  <si>
    <t>ヨコハマシリツニシヤチュウガッコウ</t>
  </si>
  <si>
    <t>ヨコハマシリツカミスゲタチュウガッコウ</t>
  </si>
  <si>
    <t>ヨコハマシリツアライチュウガッコウ</t>
  </si>
  <si>
    <t>ヨコハマシリツタチバナチュウガッコウ</t>
  </si>
  <si>
    <t>ヨコハマシリツツルガミネチュウガッコウ</t>
  </si>
  <si>
    <t>ヨコハマシリツマキガハラチュウガッコウ</t>
  </si>
  <si>
    <t>ヨコハマシリツキボウガオカチュウガッコウ</t>
  </si>
  <si>
    <t>ヨコハマシリツカミシラネチュウガッコウ</t>
  </si>
  <si>
    <t>ヨコハマシリツサコンヤマチュウガッコウ</t>
  </si>
  <si>
    <t>ヨコハマシリツツオカチュウガッコウ</t>
  </si>
  <si>
    <t>ヨコハマシリツアサヒチュウガッコウ</t>
  </si>
  <si>
    <t>ヨコハマシリツミナミキボウガオカチュウガッコウ</t>
  </si>
  <si>
    <t>ヨコハマシリツイマジュクチュウガッコウ</t>
  </si>
  <si>
    <t>ヨコハマシリツホンジュクチュウガッコウ</t>
  </si>
  <si>
    <t>ヨコハマシリツワカバダイチュウガッコウ</t>
  </si>
  <si>
    <t>ヨコハマシリツアサヒキタチュウガッコウ</t>
  </si>
  <si>
    <t>ヨコハマシリツネギシチュウガッコウ</t>
  </si>
  <si>
    <t>ヨコハマシリツハマチュウガッコウ</t>
  </si>
  <si>
    <t>ヨコハマシリツオカムラチュウガッコウ</t>
  </si>
  <si>
    <t>ヨコハマシリツシオミダイチュウガッコウ</t>
  </si>
  <si>
    <t>ヨコハマシリツヨウコウダイダイイチチュウガッコウ</t>
  </si>
  <si>
    <t>ヨコハマシリツヨウコウダイダイニチュウガッコウ</t>
  </si>
  <si>
    <t>ヨコハマシリツモリチュウガッコウ</t>
  </si>
  <si>
    <t>ヨコハマシリツカナザワチュウガッコウ</t>
  </si>
  <si>
    <t>ヨコハマシリツムツウラチュウガッコウ</t>
  </si>
  <si>
    <t>ヨコハマシリツダイドウチュウガッコウ</t>
  </si>
  <si>
    <t>ヨコハマシリツニシシバチュウガッコウ</t>
  </si>
  <si>
    <t>ヨコハマシリツトミオカチュウガッコウ</t>
  </si>
  <si>
    <t>ヨコハマシリツトミオカヒガシチュウガッコウ</t>
  </si>
  <si>
    <t>ヨコハマシリツナミキチュウガッコウ</t>
  </si>
  <si>
    <t>ヨコハマシリツカマリヤチュウガッコウ</t>
  </si>
  <si>
    <t>ヨコハマシリツコダチュウガッコウ</t>
  </si>
  <si>
    <t>ヨコハマシリツシロサトチュウガッコウ</t>
  </si>
  <si>
    <t>ヨコハマシリツニッタチュウガッコウ</t>
  </si>
  <si>
    <t>ヨコハマシリツヒヨシダイチュウガッコウ</t>
  </si>
  <si>
    <t>ヨコハマシリツオオツナチュウガッコウ</t>
  </si>
  <si>
    <t>ヨコハマシリツシノハラチュウガッコウ</t>
  </si>
  <si>
    <t>ヨコハマシリツタルマチチュウガッコウ</t>
  </si>
  <si>
    <t>ヨコハマシリツヒヨシダイニシチュウガッコウ</t>
  </si>
  <si>
    <t>ヨコハマシリツニッパチュウガッコウ</t>
  </si>
  <si>
    <t>ヨコハマシリツタカタチュウガッコウ</t>
  </si>
  <si>
    <t>ヨコハマシリツタナチュウガッコウ</t>
  </si>
  <si>
    <t>ヨコハマシリツナカヤマチュウガッコウ</t>
  </si>
  <si>
    <t>ヨコハマシリツトオカイチバチュウガッコウ</t>
  </si>
  <si>
    <t>ヨコハマシリツカモイチュウガッコウ</t>
  </si>
  <si>
    <t>ヨコハマシリツヒガシカモイチュウガッコウ</t>
  </si>
  <si>
    <t>ヨコハマシリツヤマウチチュウガッコウ</t>
  </si>
  <si>
    <t>ヨコハマシリツヤモトチュウガッコウ</t>
  </si>
  <si>
    <t>ヨコハマシリツアオバダイチュウガッコウ</t>
  </si>
  <si>
    <t>ヨコハマシリツミタケダイチュウガッコウ</t>
  </si>
  <si>
    <t>ヨコハマシリツウツクシガオカチュウガッコウ</t>
  </si>
  <si>
    <t>ヨコハマシリツススキノチュウガッコウ</t>
  </si>
  <si>
    <t>ヨコハマシリツナラチュウガッコウ</t>
  </si>
  <si>
    <t>ヨコハマシリツミドリガオカチュウガッコウ</t>
  </si>
  <si>
    <t>ヨコハマシリツモエギノチュウガッコウ</t>
  </si>
  <si>
    <t>ヨコハマシリツアザミノチュウガッコウ</t>
  </si>
  <si>
    <t>ヨコハマシリツカモシダチュウガッコウ</t>
  </si>
  <si>
    <t>ヨコハマシリツイチガオチュウガッコウ</t>
  </si>
  <si>
    <t>ヨコハマシリツアカネダイチュウガッコウ</t>
  </si>
  <si>
    <t>ヨコハマシリツツダチュウガッコウ</t>
  </si>
  <si>
    <t>ヨコハマシリツナカガワチュウガッコウ</t>
  </si>
  <si>
    <t>ヨコハマシリツカワワチュウガッコウ</t>
  </si>
  <si>
    <t>ヨコハマシリツチガサキチュウガッコウ</t>
  </si>
  <si>
    <t>ヨコハマシリツエダミナミチュウガッコウ</t>
  </si>
  <si>
    <t>ヨコハマシリツナカガワニシチュウガッコウ</t>
  </si>
  <si>
    <t>ヨコハマシリツヒガシヤマタチュウガッコウ</t>
  </si>
  <si>
    <t>ヨコハマシリツハヤブチチュウガッコウ</t>
  </si>
  <si>
    <t>ヨコハマシリツタイショウチュウガッコウ</t>
  </si>
  <si>
    <t>ヨコハマシリツトツカチュウガッコウ</t>
  </si>
  <si>
    <t>ヨコハマシリツマイオカチュウガッコウ</t>
  </si>
  <si>
    <t>ヨコハマシリツサカイギチュウガッコウ</t>
  </si>
  <si>
    <t>ヨコハマシリツトヨダチュウガッコウ</t>
  </si>
  <si>
    <t>ヨコハマシリツグミサワチュウガッコウ</t>
  </si>
  <si>
    <t>ヨコハマシリツナセチュウガッコウ</t>
  </si>
  <si>
    <t>ヨコハマシリツフカヤチュウガッコウ</t>
  </si>
  <si>
    <t>ヨコハマシリツアキバチュウガッコウ</t>
  </si>
  <si>
    <t>ヨコハマシリツヒラドチュウガッコウ</t>
  </si>
  <si>
    <t>ヨコハマシリツミナミトツカチュウガッコウ</t>
  </si>
  <si>
    <t>ヨコハマシリツホンゴウチュウガッコウ</t>
  </si>
  <si>
    <t>ヨコハマシリツカミゴウチュウガッコウ</t>
  </si>
  <si>
    <t>ヨコハマシリツカツラダイチュウガッコウ</t>
  </si>
  <si>
    <t>ヨコハマシリツニシホンゴウチュウガッコウ</t>
  </si>
  <si>
    <t>ヨコハマシリツイイジマチュウガッコウ</t>
  </si>
  <si>
    <t>ヨコハマシリツコヤマダイチュウガッコウ</t>
  </si>
  <si>
    <t>ヨコハマシリツオカヅチュウガッコウ</t>
  </si>
  <si>
    <t>ヨコハマシリツナカワダチュウガッコウ</t>
  </si>
  <si>
    <t>ヨコハマシリツイズミガオカチュウガッコウ</t>
  </si>
  <si>
    <t>ヨコハマシリツナカダチュウガッコウ</t>
  </si>
  <si>
    <t>ヨコハマシリツカミイイダチュウガッコウ</t>
  </si>
  <si>
    <t>ヨコハマシリツイズミノチュウガッコウ</t>
  </si>
  <si>
    <t>ヨコハマシリツリョウケチュウガッコウ</t>
  </si>
  <si>
    <t>ヨコハマシリツセヤチュウガッコウ</t>
  </si>
  <si>
    <t>ヨコハマシリツハラチュウガッコウ</t>
  </si>
  <si>
    <t>ヨコハマシリツミナミセヤチュウガッコウ</t>
  </si>
  <si>
    <t>ヨコハマシリツアズマノチュウガッコウ</t>
  </si>
  <si>
    <t>ヨコハマシリツシモセヤチュウガッコウ</t>
  </si>
  <si>
    <t>ヨコハマシリツキリガオカギムキョウイクガッコウ（ショウガクブ）</t>
  </si>
  <si>
    <t>ヨコハマシリツキリガオカギムキョウイクガッコウ（チュウガクブ）</t>
  </si>
  <si>
    <t>ヨコハマシリツヒガシコウトウガッコウ</t>
  </si>
  <si>
    <t>ヨコハマシリツミナトソウゴウコウトウガッコウ</t>
  </si>
  <si>
    <t>ヨコハマシリツヨコハマショウギョウコウトウガッコウ</t>
  </si>
  <si>
    <t>ヨコハマシリツヨコハマソウゴウコウトウガッコウ</t>
  </si>
  <si>
    <t>ヨコハマシリツサクラガオカコウトウガッコウ</t>
  </si>
  <si>
    <t>ヨコハマシリツカナザワコウトウガッコウ</t>
  </si>
  <si>
    <t>ヨコハマシリツトツカコウトウガッコウ</t>
  </si>
  <si>
    <t>ヨコハマシリツミナミコウトウガッコウ</t>
  </si>
  <si>
    <t>ヨコハマシリツヨコハマサイエンスフロンティアコウトウガッコウ</t>
  </si>
  <si>
    <t>カワサキシリツトノマチショウガッコウ</t>
  </si>
  <si>
    <t>カワサキシリツヨツヤショウガッコウ</t>
  </si>
  <si>
    <t>カワサキシリツヒガシモンゼンショウガッコウ</t>
  </si>
  <si>
    <t>カワサキシリツダイシショウガッコウ</t>
  </si>
  <si>
    <t>カワサキシリツカワナカジマショウガッコウ</t>
  </si>
  <si>
    <t>カワサキシリツフジサキショウガッコウ</t>
  </si>
  <si>
    <t>カワサキシリツサクラショウガッコウ</t>
  </si>
  <si>
    <t>カワサキシリツオオシマショウガッコウ</t>
  </si>
  <si>
    <t>カワサキシリツワタリダショウガッコウ</t>
  </si>
  <si>
    <t>カワサキシリツヒガシオダショウガッコウ</t>
  </si>
  <si>
    <t>カワサキシリツオダショウガッコウ</t>
  </si>
  <si>
    <t>カワサキシリツアサダショウガッコウ</t>
  </si>
  <si>
    <t>カワサキシリツヒガシオオシマショウガッコウ</t>
  </si>
  <si>
    <t>カワサキシリツムカイショウガッコウ</t>
  </si>
  <si>
    <t>カワサキシリツタジマショウガッコウ</t>
  </si>
  <si>
    <t>カワサキシリツシンチョウショウガッコウ</t>
  </si>
  <si>
    <t>カワサキシリツアサヒチョウショウガッコウ</t>
  </si>
  <si>
    <t>カワサキシリツミヤマエショウガッコウ</t>
  </si>
  <si>
    <t>カワサキシリツカワサキショウガッコウ</t>
  </si>
  <si>
    <t>カワサキシリツキョウマチショウガッコウ</t>
  </si>
  <si>
    <t>カワサキシリツサイワイチョウショウガッコウ</t>
  </si>
  <si>
    <t>カワサキシリツミナミガワラショウガッコウ</t>
  </si>
  <si>
    <t>カワサキシリツミユキショウガッコウ</t>
  </si>
  <si>
    <t>カワサキシリツニシミユキショウガッコウ</t>
  </si>
  <si>
    <t>カワサキシリツトデショウガッコウ</t>
  </si>
  <si>
    <t>カワサキシリツフルカワショウガッコウ</t>
  </si>
  <si>
    <t>カワサキシリツヒガシオグラショウガッコウ</t>
  </si>
  <si>
    <t>カワサキシリツシモヒラマショウガッコウ</t>
  </si>
  <si>
    <t>カワサキシリツフルイチバショウガッコウ</t>
  </si>
  <si>
    <t>カワサキシリツヒヨシショウガッコウ</t>
  </si>
  <si>
    <t>カワサキシリツオグラショウガッコウ</t>
  </si>
  <si>
    <t>カワサキシリツミナミカセショウガッコウ</t>
  </si>
  <si>
    <t>カワサキシリツユメミガサキショウガッコウ</t>
  </si>
  <si>
    <t>カワサキシリツシモガワラショウガッコウ</t>
  </si>
  <si>
    <t>カワサキシリツヒラマショウガッコウ</t>
  </si>
  <si>
    <t>カワサキシリツギョクセンショウガッコウ</t>
  </si>
  <si>
    <t>カワサキシリツシモヌマベショウガッコウ</t>
  </si>
  <si>
    <t>カワサキシリツカリヤドショウガッコウ</t>
  </si>
  <si>
    <t>カワサキシリツキヅキショウガッコウ</t>
  </si>
  <si>
    <t>カワサキシリツヒガシスミヨシショウガッコウ</t>
  </si>
  <si>
    <t>カワサキシリツスミヨシショウガッコウ</t>
  </si>
  <si>
    <t>カワサキシリツイダショウガッコウ</t>
  </si>
  <si>
    <t>カワサキシリツイマイショウガッコウ</t>
  </si>
  <si>
    <t>カワサキシリツカミマルコショウガッコウ</t>
  </si>
  <si>
    <t>カワサキシリツニシマルコショウガッコウ</t>
  </si>
  <si>
    <t>カワサキシリツナカハラショウガッコウ</t>
  </si>
  <si>
    <t>カワサキシリツミヤウチショウガッコウ</t>
  </si>
  <si>
    <t>カワサキシリツオオトショウガッコウ</t>
  </si>
  <si>
    <t>カワサキシリツシモコダナカショウガッコウ</t>
  </si>
  <si>
    <t>カワサキシリツシンジョウショウガッコウ</t>
  </si>
  <si>
    <t>カワサキシリツオオガヤトショウガッコウ</t>
  </si>
  <si>
    <t>カワサキシリツシボクチショウガッコウ</t>
  </si>
  <si>
    <t>カワサキシリツタチバナショウガッコウ</t>
  </si>
  <si>
    <t>カワサキシリツスエナガショウガッコウ</t>
  </si>
  <si>
    <t>カワサキシリツシンサクショウガッコウ</t>
  </si>
  <si>
    <t>カワサキシリツヒガシタカツショウガッコウ</t>
  </si>
  <si>
    <t>カワサキシリツサカドショウガッコウ</t>
  </si>
  <si>
    <t>カワサキシリツヒサモトショウガッコウ</t>
  </si>
  <si>
    <t>カワサキシリツシモサクノベショウガッコウ</t>
  </si>
  <si>
    <t>カワサキシリツタカツショウガッコウ</t>
  </si>
  <si>
    <t>カワサキシリツカジガヤショウガッコウ</t>
  </si>
  <si>
    <t>カワサキシリツニシカジガヤショウガッコウ</t>
  </si>
  <si>
    <t>カワサキシリツヒサスエショウガッコウ</t>
  </si>
  <si>
    <t>カワサキシリツカミサクノベショウガッコウ</t>
  </si>
  <si>
    <t>カワサキシリツミナミハラショウガッコウ</t>
  </si>
  <si>
    <t>カワサキシリツクジショウガッコウ</t>
  </si>
  <si>
    <t>カワサキシリツノガワショウガッコウ</t>
  </si>
  <si>
    <t>カワサキシリツニシノガワショウガッコウ</t>
  </si>
  <si>
    <t>カワサキシリツミナミノガワショウガッコウ</t>
  </si>
  <si>
    <t>カワサキシリツミヤザキショウガッコウ</t>
  </si>
  <si>
    <t>カワサキシリツサギヌマショウガッコウ</t>
  </si>
  <si>
    <t>カワサキシリツアリマショウガッコウ</t>
  </si>
  <si>
    <t>カワサキシリツニシアリマショウガッコウ</t>
  </si>
  <si>
    <t>カワサキシリツフジミダイショウガッコウ</t>
  </si>
  <si>
    <t>カワサキシリツミヤマエダイラショウガッコウ</t>
  </si>
  <si>
    <t>カワサキシリツミヤザキダイショウガッコウ</t>
  </si>
  <si>
    <t>カワサキシリツムカイガオカショウガッコウ</t>
  </si>
  <si>
    <t>カワサキシリツタイラショウガッコウ</t>
  </si>
  <si>
    <t>カワサキシリツシラハタダイショウガッコウ</t>
  </si>
  <si>
    <t>カワサキシリツスガオショウガッコウ</t>
  </si>
  <si>
    <t>カワサキシリツヒエバラショウガッコウ</t>
  </si>
  <si>
    <t>カワサキシリツイヌクラショウガッコウ</t>
  </si>
  <si>
    <t>カワサキシリツツチハシショウガッコウ</t>
  </si>
  <si>
    <t>カワサキシリツイナダショウガッコウ</t>
  </si>
  <si>
    <t>カワサキシリツナガオショウガッコウ</t>
  </si>
  <si>
    <t>カワサキシリツシュクガワラショウガッコウ</t>
  </si>
  <si>
    <t>カワサキシリツノボリトショウガッコウ</t>
  </si>
  <si>
    <t>カワサキシリツナカノシマショウガッコウ</t>
  </si>
  <si>
    <t>カワサキシリツシモフダショウガッコウ</t>
  </si>
  <si>
    <t>カワサキシリツヒガシスゲショウガッコウ</t>
  </si>
  <si>
    <t>カワサキシリツミナミスゲショウガッコウ</t>
  </si>
  <si>
    <t>カワサキシリツニシスゲショウガッコウ</t>
  </si>
  <si>
    <t>カワサキシリツスゲショウガッコウ</t>
  </si>
  <si>
    <t>カワサキシリツヒガシイクタショウガッコウ</t>
  </si>
  <si>
    <t>カワサキシリツミタショウガッコウ</t>
  </si>
  <si>
    <t>カワサキシリツイクタショウガッコウ</t>
  </si>
  <si>
    <t>カワサキシリツミナミイクタショウガッコウ</t>
  </si>
  <si>
    <t>カワサキシリツナガサワショウガッコウ</t>
  </si>
  <si>
    <t>カワサキシリツニシイクタショウガッコウ</t>
  </si>
  <si>
    <t>カワサキシリツチヨガオカショウガッコウ</t>
  </si>
  <si>
    <t>カワサキシリツカナホドショウガッコウ</t>
  </si>
  <si>
    <t>カワサキシリツユリガオカショウガッコウ</t>
  </si>
  <si>
    <t>カワサキシリツミナミユリガオカショウガッコウ</t>
  </si>
  <si>
    <t>カワサキシリツアサオショウガッコウ</t>
  </si>
  <si>
    <t>カワサキシリツヒガシカキオショウガッコウ</t>
  </si>
  <si>
    <t>カワサキシリツシンプクジショウガッコウ</t>
  </si>
  <si>
    <t>カワサキシリツニジガオカショウガッコウ</t>
  </si>
  <si>
    <t>カワサキシリツオウゼンジチュウオウショウガッコウ</t>
  </si>
  <si>
    <t>カワサキシリツカキオショウガッコウ</t>
  </si>
  <si>
    <t>カワサキシリツオカガミショウガッコウ</t>
  </si>
  <si>
    <t>カワサキシリツカタヒラショウガッコウ</t>
  </si>
  <si>
    <t>カワサキシリツクリギダイショウガッコウ</t>
  </si>
  <si>
    <t>カワサキシリツハルヒノショウガッコウ</t>
  </si>
  <si>
    <t>カワサキシリツダイシチュウガッコウ</t>
  </si>
  <si>
    <t>カワサキシリツミナミダイシチュウガッコウ</t>
  </si>
  <si>
    <t>カワサキシリツカワナカジマチュウガッコウ</t>
  </si>
  <si>
    <t>カワサキシリツサクラモトチュウガッコウ</t>
  </si>
  <si>
    <t>カワサキシリツリンコウチュウガッコウ</t>
  </si>
  <si>
    <t>カワサキシリツタジマチュウガッコウ</t>
  </si>
  <si>
    <t>カワサキシリツキョウマチチュウガッコウ</t>
  </si>
  <si>
    <t>カワサキシリツワタリダチュウガッコウ</t>
  </si>
  <si>
    <t>カワサキシリツフジミチュウガッコウ</t>
  </si>
  <si>
    <t>カワサキシリツカワサキチュウガッコウ</t>
  </si>
  <si>
    <t>カワサキシリツカワサキコウトウガッコウフゾクチュウガッコウ</t>
  </si>
  <si>
    <t>カワサキシリツミナミガワラチュウガッコウ</t>
  </si>
  <si>
    <t>カワサキシリツミユキチュウガッコウ</t>
  </si>
  <si>
    <t>カワサキシリツツカゴシチュウガッコウ</t>
  </si>
  <si>
    <t>カワサキシリツヒヨシチュウガッコウ</t>
  </si>
  <si>
    <t>カワサキシリツミナミカセチュウガッコウ</t>
  </si>
  <si>
    <t>カワサキシリツヒラマチュウガッコウ</t>
  </si>
  <si>
    <t>カワサキシリツギョクセンチュウガッコウ</t>
  </si>
  <si>
    <t>カワサキシリツスミヨシチュウガッコウ</t>
  </si>
  <si>
    <t>カワサキシリツイダチュウガッコウ</t>
  </si>
  <si>
    <t>カワサキシリツイマイチュウガッコウ</t>
  </si>
  <si>
    <t>カワサキシリツナカハラチュウガッコウ</t>
  </si>
  <si>
    <t>カワサキシリツミヤウチチュウガッコウ</t>
  </si>
  <si>
    <t>カワサキシリツニシナカハラチュウガッコウ</t>
  </si>
  <si>
    <t>カワサキシリツヒガシタチバナチュウガッコウ</t>
  </si>
  <si>
    <t>カワサキシリツタチバナチュウガッコウ</t>
  </si>
  <si>
    <t>カワサキシリツタカツチュウガッコウ</t>
  </si>
  <si>
    <t>カワサキシリツヒガシタカツチュウガッコウ</t>
  </si>
  <si>
    <t>カワサキシリツニシタカツチュウガッコウ</t>
  </si>
  <si>
    <t>カワサキシリツミヤザキチュウガッコウ</t>
  </si>
  <si>
    <t>カワサキシリツノガワチュウガッコウ</t>
  </si>
  <si>
    <t>カワサキシリツアリマチュウガッコウ</t>
  </si>
  <si>
    <t>カワサキシリツミヤマエダイラチュウガッコウ</t>
  </si>
  <si>
    <t>カワサキシリツムカイガオカチュウガッコウ</t>
  </si>
  <si>
    <t>カワサキシリツタイラチュウガッコウ</t>
  </si>
  <si>
    <t>カワサキシリツスガオチュウガッコウ</t>
  </si>
  <si>
    <t>カワサキシリツイヌクラチュウガッコウ</t>
  </si>
  <si>
    <t>カワサキシリツイナダチュウガッコウ</t>
  </si>
  <si>
    <t>カワサキシリツマスガタチュウガッコウ</t>
  </si>
  <si>
    <t>カワサキシリツナカノシマチュウガッコウ</t>
  </si>
  <si>
    <t>カワサキシリツミナミスゲチュウガッコウ</t>
  </si>
  <si>
    <t>カワサキシリツスゲチュウガッコウ</t>
  </si>
  <si>
    <t>カワサキシリツイクタチュウガッコウ</t>
  </si>
  <si>
    <t>カワサキシリツミナミイクタチュウガッコウ</t>
  </si>
  <si>
    <t>カワサキシリツニシイクタチュウガッコウ</t>
  </si>
  <si>
    <t>カワサキシリツカナホドチュウガッコウ</t>
  </si>
  <si>
    <t>カワサキシリツナガサワチュウガッコウ</t>
  </si>
  <si>
    <t>カワサキシリツアサオチュウガッコウ</t>
  </si>
  <si>
    <t>カワサキシリツカキオチュウガッコウ</t>
  </si>
  <si>
    <t>カワサキシリツシラトリチュウガッコウ</t>
  </si>
  <si>
    <t>カワサキシリツハルヒノチュウガッコウ</t>
  </si>
  <si>
    <t>カワサキシリツオウゼンジチュウオウチュウガッコウ</t>
  </si>
  <si>
    <t>カワサキシリツカワサキコウトウガッコウ</t>
  </si>
  <si>
    <t>カワサキシリツサイワイコウトウガッコウ</t>
  </si>
  <si>
    <t>カワサキシリツカワサキソウゴウカガクコウトウガッコウ</t>
  </si>
  <si>
    <t>カワサキシリツタチバナコウトウガッコウ</t>
  </si>
  <si>
    <t>カワサキシリツタカツコウトウガッコウ</t>
  </si>
  <si>
    <t>サガミハラシリツオオサワショウガッコウ</t>
  </si>
  <si>
    <t>サガミハラシリツアサヒショウガッコウ</t>
  </si>
  <si>
    <t>サガミハラシリツアイハラショウガッコウ</t>
  </si>
  <si>
    <t>サガミハラシリツハシモトショウガッコウ</t>
  </si>
  <si>
    <t>サガミハラシリツサクノクチショウガッコウ</t>
  </si>
  <si>
    <t>サガミハラシリツオオシマショウガッコウ</t>
  </si>
  <si>
    <t>サガミハラシリツニホンマツショウガッコウ</t>
  </si>
  <si>
    <t>サガミハラシリツミヤカミショウガッコウ</t>
  </si>
  <si>
    <t>サガミハラシリツクザワショウガッコウ</t>
  </si>
  <si>
    <t>サガミハラシリツタイマダショウガッコウ</t>
  </si>
  <si>
    <t>サガミハラシリツカワシリショウガッコウ</t>
  </si>
  <si>
    <t>サガミハラシリツショウナンショウガッコウ</t>
  </si>
  <si>
    <t>サガミハラシリツコウリョウショウガッコウ</t>
  </si>
  <si>
    <t>サガミハラシリツヒロタショウガッコウ</t>
  </si>
  <si>
    <t>サガミハラシリツナカノショウガッコウ</t>
  </si>
  <si>
    <t>サガミハラシリツネゴヤショウガッコウ</t>
  </si>
  <si>
    <t>サガミハラシリツクシカワショウガッコウ</t>
  </si>
  <si>
    <t>サガミハラシリツツクイチュウオウショウガッコウ</t>
  </si>
  <si>
    <t>サガミハラシリツケイホクショウガッコウ</t>
  </si>
  <si>
    <t>サガミハラシリツチギラショウガッコウ</t>
  </si>
  <si>
    <t>サガミハラシリツウチゴウショウガッコウ</t>
  </si>
  <si>
    <t>サガミハラシリツフジノキタショウガッコウ</t>
  </si>
  <si>
    <t>サガミハラシリツフジノショウガッコウ</t>
  </si>
  <si>
    <t>サガミハラシリツフジノミナミショウガッコウ</t>
  </si>
  <si>
    <t>サガミハラシリツタナショウガッコウ</t>
  </si>
  <si>
    <t>サガミハラシリツカミミゾショウガッコウ</t>
  </si>
  <si>
    <t>サガミハラシリツホシガオカショウガッコウ</t>
  </si>
  <si>
    <t>サガミハラシリツコウヨウショウガッコウ</t>
  </si>
  <si>
    <t>サガミハラシリツフチノベショウガッコウ</t>
  </si>
  <si>
    <t>サガミハラシリツチュウオウショウガッコウ</t>
  </si>
  <si>
    <t>サガミハラシリツセイシンショウガッコウ</t>
  </si>
  <si>
    <t>サガミハラシリツヒカリガオカショウガッコウ</t>
  </si>
  <si>
    <t>サガミハラシリツキョウワショウガッコウ</t>
  </si>
  <si>
    <t>サガミハラシリツヨコヤマショウガッコウ</t>
  </si>
  <si>
    <t>サガミハラシリツナミキショウガッコウ</t>
  </si>
  <si>
    <t>サガミハラシリツオオノキタショウガッコウ</t>
  </si>
  <si>
    <t>サガミハラシリツヨウコウダイショウガッコウ</t>
  </si>
  <si>
    <t>サガミハラシリツカミミゾミナミショウガッコウ</t>
  </si>
  <si>
    <t>サガミハラシリツタナキタショウガッコウ</t>
  </si>
  <si>
    <t>サガミハラシリツヤエイショウガッコウ</t>
  </si>
  <si>
    <t>サガミハラシリツアオバショウガッコウ</t>
  </si>
  <si>
    <t>サガミハラシリツフチノベヒガシショウガッコウ</t>
  </si>
  <si>
    <t>サガミハラシリツシンジュクショウガッコウ</t>
  </si>
  <si>
    <t>サガミハラシリツフジミショウガッコウ</t>
  </si>
  <si>
    <t>サガミハラシリツオヤマショウガッコウ</t>
  </si>
  <si>
    <t>サガミハラシリツアライソショウガッコウ</t>
  </si>
  <si>
    <t>サガミハラシリツアサミゾショウガッコウ</t>
  </si>
  <si>
    <t>サガミハラシリツオオノショウガッコウ</t>
  </si>
  <si>
    <t>サガミハラシリツミナミオオノショウガッコウ</t>
  </si>
  <si>
    <t>サガミハラシリツヤグチダイショウガッコウ</t>
  </si>
  <si>
    <t>サガミハラシリツサガミダイショウガッコウ</t>
  </si>
  <si>
    <t>サガミハラシリツトウリンショウガッコウ</t>
  </si>
  <si>
    <t>サガミハラシリツソウブダイショウガッコウ</t>
  </si>
  <si>
    <t>サガミハラシリツオオヌマショウガッコウ</t>
  </si>
  <si>
    <t>サガミハラシリツサクラダイショウガッコウ</t>
  </si>
  <si>
    <t>サガミハラシリツカミツルマショウガッコウ</t>
  </si>
  <si>
    <t>サガミハラシリツツルノダイショウガッコウ</t>
  </si>
  <si>
    <t>サガミハラシリツカシマダイショウガッコウ</t>
  </si>
  <si>
    <t>サガミハラシリツミドリダイショウガッコウ</t>
  </si>
  <si>
    <t>サガミハラシリツオオノダイショウガッコウ</t>
  </si>
  <si>
    <t>サガミハラシリツツルゾノショウガッコウ</t>
  </si>
  <si>
    <t>サガミハラシリツクヌギダイショウガッコウ</t>
  </si>
  <si>
    <t>サガミハラシリツフタバショウガッコウ</t>
  </si>
  <si>
    <t>サガミハラシリツワカクサショウガッコウ</t>
  </si>
  <si>
    <t>サガミハラシリツオオノダイチュウオウショウガッコウ</t>
  </si>
  <si>
    <t>サガミハラシリツヤグチショウガッコウ</t>
  </si>
  <si>
    <t>サガミハラシリツワカマツショウガッコウ</t>
  </si>
  <si>
    <t>サガミハラシリツモエギダイショウガッコウ</t>
  </si>
  <si>
    <t>サガミハラシリツユメノオカショウガッコウ</t>
  </si>
  <si>
    <t>サガミハラシリツオオサワチュウガッコウ</t>
  </si>
  <si>
    <t>サガミハラシリツアサヒチュウガッコウ</t>
  </si>
  <si>
    <t>サガミハラシリツアイハラチュウガッコウ</t>
  </si>
  <si>
    <t>サガミハラシリツウチデチュウガッコウ</t>
  </si>
  <si>
    <t>サガミハラシリツサガミガオカチュウガッコウ</t>
  </si>
  <si>
    <t>サガミハラシリツナカザワチュウガッコウ</t>
  </si>
  <si>
    <t>サガミハラシリツナカノチュウガッコウ</t>
  </si>
  <si>
    <t>サガミハラシリツクシカワチュウガッコウ</t>
  </si>
  <si>
    <t>サガミハラシリツホクソウチュウガッコウ</t>
  </si>
  <si>
    <t>サガミハラシリツウチゴウチュウガッコウ</t>
  </si>
  <si>
    <t>サガミハラシリツフジノチュウガッコウ</t>
  </si>
  <si>
    <t>サガミハラシリツカミミゾチュウガッコウ</t>
  </si>
  <si>
    <t>サガミハラシリツタナチュウガッコウ</t>
  </si>
  <si>
    <t>サガミハラシリツオオノキタチュウガッコウ</t>
  </si>
  <si>
    <t>サガミハラシリツセイシンチュウガッコウ</t>
  </si>
  <si>
    <t>サガミハラシリツキョウワチュウガッコウ</t>
  </si>
  <si>
    <t>サガミハラシリツミドリガオカチュウガッコウ</t>
  </si>
  <si>
    <t>サガミハラシリツチュウオウチュウガッコウ</t>
  </si>
  <si>
    <t>サガミハラシリツヤエイチュウガッコウ</t>
  </si>
  <si>
    <t>サガミハラシリツカミミゾミナミチュウガッコウ</t>
  </si>
  <si>
    <t>サガミハラシリツオヤマチュウガッコウ</t>
  </si>
  <si>
    <t>サガミハラシリツヨシノダイチュウガッコウ</t>
  </si>
  <si>
    <t>サガミハラシリツソウヨウチュウガッコウ</t>
  </si>
  <si>
    <t>サガミハラシリツオオノミナミチュウガッコウ</t>
  </si>
  <si>
    <t>サガミハラシリツサガミダイチュウガッコウ</t>
  </si>
  <si>
    <t>サガミハラシリツカミツルマチュウガッコウ</t>
  </si>
  <si>
    <t>サガミハラシリツアサミゾダイチュウガッコウ</t>
  </si>
  <si>
    <t>サガミハラシリツオオノダイチュウガッコウ</t>
  </si>
  <si>
    <t>サガミハラシリツソウブダイチュウガッコウ</t>
  </si>
  <si>
    <t>サガミハラシリツヤグチチュウガッコウ</t>
  </si>
  <si>
    <t>サガミハラシリツシンチョウチュウガッコウ</t>
  </si>
  <si>
    <t>サガミハラシリツワカクサチュウガッコウ</t>
  </si>
  <si>
    <t>サガミハラシリツウノモリチュウガッコウ</t>
  </si>
  <si>
    <t>サガミハラシリツトウリンチュウガッコウ</t>
  </si>
  <si>
    <t>ヨコスカシリツオッパマショウガッコウ</t>
  </si>
  <si>
    <t>ヨコスカシリツナツシマショウガッコウ</t>
  </si>
  <si>
    <t>ヨコスカシリツウラゴウショウガッコウ</t>
  </si>
  <si>
    <t>ヨコスカシリツタカトリショウガッコウ</t>
  </si>
  <si>
    <t>ヨコスカシリツフナコシショウガッコウ</t>
  </si>
  <si>
    <t>ヨコスカシリツタウラショウガッコウ</t>
  </si>
  <si>
    <t>ヨコスカシリツナガウラショウガッコウ</t>
  </si>
  <si>
    <t>ヨコスカシリツヘミショウガッコウ</t>
  </si>
  <si>
    <t>ヨコスカシリツサワヤマショウガッコウ</t>
  </si>
  <si>
    <t>ヨコスカシリツサクラショウガッコウ</t>
  </si>
  <si>
    <t>ヨコスカシリツシオイリショウガッコウ</t>
  </si>
  <si>
    <t>ヨコスカシリツスワショウガッコウ</t>
  </si>
  <si>
    <t>ヨコスカシリツタドショウガッコウ</t>
  </si>
  <si>
    <t>ヨコスカシリツヤマザキショウガッコウ</t>
  </si>
  <si>
    <t>ヨコスカシリツトシマショウガッコウ</t>
  </si>
  <si>
    <t>ヨコスカシリツツルクボショウガッコウ</t>
  </si>
  <si>
    <t>ヨコスカシリツクゴウショウガッコウ</t>
  </si>
  <si>
    <t>ヨコスカシリツイケガミショウガッコウ</t>
  </si>
  <si>
    <t>ヨコスカシリツジョウホクショウガッコウ</t>
  </si>
  <si>
    <t>ヨコスカシリツキヌガサショウガッコウ</t>
  </si>
  <si>
    <t>ヨコスカシリツオオヤベショウガッコウ</t>
  </si>
  <si>
    <t>ヨコスカシリツモリサキショウガッコウ</t>
  </si>
  <si>
    <t>ヨコスカシリツオオツショウガッコウ</t>
  </si>
  <si>
    <t>ヨコスカシリツネギシショウガッコウ</t>
  </si>
  <si>
    <t>ヨコスカシリツハシリミズショウガッコウ</t>
  </si>
  <si>
    <t>ヨコスカシリツマボリショウガッコウ</t>
  </si>
  <si>
    <t>ヨコスカシリツボウヨウショウガッコウ</t>
  </si>
  <si>
    <t>ヨコスカシリツオオツカダイショウガッコウ</t>
  </si>
  <si>
    <t>ヨコスカシリツウラガショウガッコウ</t>
  </si>
  <si>
    <t>ヨコスカシリツオバラダイショウガッコウ</t>
  </si>
  <si>
    <t>ヨコスカシリツカモイショウガッコウ</t>
  </si>
  <si>
    <t>ヨコスカシリツコウザカショウガッコウ</t>
  </si>
  <si>
    <t>ヨコスカシリツイワトショウガッコウ</t>
  </si>
  <si>
    <t>ヨコスカシリツクリハマショウガッコウ</t>
  </si>
  <si>
    <t>ヨコスカシリツアケハマショウガッコウ</t>
  </si>
  <si>
    <t>ヨコスカシリツシンメイショウガッコウ</t>
  </si>
  <si>
    <t>ヨコスカシリツノビショウガッコウ</t>
  </si>
  <si>
    <t>ヨコスカシリツノビヒガシショウガッコウ</t>
  </si>
  <si>
    <t>ヨコスカシリツキタシタウラショウガッコウ</t>
  </si>
  <si>
    <t>ヨコスカシリツツクイショウガッコウ</t>
  </si>
  <si>
    <t>ヨコスカシリツナガイショウガッコウ</t>
  </si>
  <si>
    <t>ヨコスカシリツフジミショウガッコウ</t>
  </si>
  <si>
    <t>ヨコスカシリツタケヤマショウガッコウ</t>
  </si>
  <si>
    <t>ヨコスカシリツオギノショウガッコウ</t>
  </si>
  <si>
    <t>ヨコスカシリツオオグスショウガッコウ</t>
  </si>
  <si>
    <t>ヨコスカシリツオッパマチュウガッコウ</t>
  </si>
  <si>
    <t>ヨコスカシリツタカトリチュウガッコウ</t>
  </si>
  <si>
    <t>ヨコスカシリツタウラチュウガッコウ</t>
  </si>
  <si>
    <t>ヨコスカシリツサカモトチュウガッコウ</t>
  </si>
  <si>
    <t>ヨコスカシリツイリヤマズチュウガッコウ</t>
  </si>
  <si>
    <t>ヨコスカシリツトキワチュウガッコウ</t>
  </si>
  <si>
    <t>ヨコスカシリツクゴウチュウガッコウ</t>
  </si>
  <si>
    <t>ヨコスカシリツイケガミチュウガッコウ</t>
  </si>
  <si>
    <t>ヨコスカシリツキヌガサチュウガッコウ</t>
  </si>
  <si>
    <t>ヨコスカシリツオオヤベチュウガッコウ</t>
  </si>
  <si>
    <t>ヨコスカシリツオオツチュウガッコウ</t>
  </si>
  <si>
    <t>ヨコスカシリツマボリチュウガッコウ</t>
  </si>
  <si>
    <t>ヨコスカシリツウラガチュウガッコウ</t>
  </si>
  <si>
    <t>ヨコスカシリツカモイチュウガッコウ</t>
  </si>
  <si>
    <t>ヨコスカシリツイワトチュウガッコウ</t>
  </si>
  <si>
    <t>ヨコスカシリツクリハマチュウガッコウ</t>
  </si>
  <si>
    <t>ヨコスカシリツシンメイチュウガッコウ</t>
  </si>
  <si>
    <t>ヨコスカシリツノビチュウガッコウ</t>
  </si>
  <si>
    <t>ヨコスカシリツキタシタウラチュウガッコウ</t>
  </si>
  <si>
    <t>ヨコスカシリツナガサワチュウガッコウ</t>
  </si>
  <si>
    <t>ヨコスカシリツナガイチュウガッコウ</t>
  </si>
  <si>
    <t>ヨコスカシリツタケヤマチュウガッコウ</t>
  </si>
  <si>
    <t>ヨコスカシリツオオグスチュウガッコウ</t>
  </si>
  <si>
    <t>ヨコスカシリツヨコスカソウゴウコウトウガッコウ</t>
  </si>
  <si>
    <t>ヒラツカシリツソウゼンショウガッコウ</t>
  </si>
  <si>
    <t>ヒラツカシリツミナトショウガッコウ</t>
  </si>
  <si>
    <t>ヒラツカシリツマツバラショウガッコウ</t>
  </si>
  <si>
    <t>ヒラツカシリツフジミショウガッコウ</t>
  </si>
  <si>
    <t>ヒラツカシリツハナミズショウガッコウ</t>
  </si>
  <si>
    <t>ヒラツカシリツアサヒショウガッコウ</t>
  </si>
  <si>
    <t>ヒラツカシリツオオノショウガッコウ</t>
  </si>
  <si>
    <t>ヒラツカシリツナカハラショウガッコウ</t>
  </si>
  <si>
    <t>ヒラツカシリツトヨダショウガッコウ</t>
  </si>
  <si>
    <t>ヒラツカシリツカンダショウガッコウ</t>
  </si>
  <si>
    <t>ヒラツカシリツキジマショウガッコウ</t>
  </si>
  <si>
    <t>ヒラツカシリツオカザキショウガッコウ</t>
  </si>
  <si>
    <t>ヒラツカシリツカネダショウガッコウ</t>
  </si>
  <si>
    <t>ヒラツカシリツツチヤショウガッコウ</t>
  </si>
  <si>
    <t>ヒラツカシリツキサワショウガッコウ</t>
  </si>
  <si>
    <t>ヒラツカシリツカナメショウガッコウ</t>
  </si>
  <si>
    <t>ヒラツカシリツヨコウチショウガッコウ</t>
  </si>
  <si>
    <t>ヒラツカシリツヤワタショウガッコウ</t>
  </si>
  <si>
    <t>ヒラツカシリツミナミハラショウガッコウ</t>
  </si>
  <si>
    <t>ヒラツカシリツシンドショウガッコウ</t>
  </si>
  <si>
    <t>ヒラツカシリツマツガオカショウガッコウ</t>
  </si>
  <si>
    <t>ヒラツカシリツサガミショウガッコウ</t>
  </si>
  <si>
    <t>ヒラツカシリツナデシコショウガッコウ</t>
  </si>
  <si>
    <t>ヒラツカシリツカツハラショウガッコウ</t>
  </si>
  <si>
    <t>ヒラツカシリツマツノブショウガッコウ</t>
  </si>
  <si>
    <t>ヒラツカシリツミズホショウガッコウ</t>
  </si>
  <si>
    <t>ヒラツカシリツヤマシタショウガッコウ</t>
  </si>
  <si>
    <t>ヒラツカシリツオオハラショウガッコウ</t>
  </si>
  <si>
    <t>ヒラツカシリツコウヨウチュウガッコウ</t>
  </si>
  <si>
    <t>ヒラツカシリツタイヨウチュウガッコウ</t>
  </si>
  <si>
    <t>ヒラツカシリツカスガノチュウガッコウ</t>
  </si>
  <si>
    <t>ヒラツカシリツハマタケチュウガッコウ</t>
  </si>
  <si>
    <t>ヒラツカシリツオオノチュウガッコウ</t>
  </si>
  <si>
    <t>ヒラツカシリツカンダチュウガッコウ</t>
  </si>
  <si>
    <t>ヒラツカシリツツチサワチュウガッコウ</t>
  </si>
  <si>
    <t>ヒラツカシリツキンキョクチュウガッコウ</t>
  </si>
  <si>
    <t>ヒラツカシリツナカハラチュウガッコウ</t>
  </si>
  <si>
    <t>ヒラツカシリツオオスミチュウガッコウ</t>
  </si>
  <si>
    <t>ヒラツカシリツヤマシロチュウガッコウ</t>
  </si>
  <si>
    <t>ヒラツカシリツシンメイチュウガッコウ</t>
  </si>
  <si>
    <t>ヒラツカシリツカナメチュウガッコウ</t>
  </si>
  <si>
    <t>ヒラツカシリツヨコウチチュウガッコウ</t>
  </si>
  <si>
    <t>ヒラツカシリツキョクリョウチュウガッコウ</t>
  </si>
  <si>
    <t>カマクラシリツダイイチショウガッコウ</t>
  </si>
  <si>
    <t>カマクラシリツダイニショウガッコウ</t>
  </si>
  <si>
    <t>カマクラシリツオナリショウガッコウ</t>
  </si>
  <si>
    <t>カマクラシリツイナムラガサキショウガッコウ</t>
  </si>
  <si>
    <t>カマクラシリツコシゴエショウガッコウ</t>
  </si>
  <si>
    <t>カマクラシリツフカサワショウガッコウ</t>
  </si>
  <si>
    <t>カマクラシリツオサカショウガッコウ</t>
  </si>
  <si>
    <t>カマクラシリツタマナワショウガッコウ</t>
  </si>
  <si>
    <t>カマクラシリツオオフナショウガッコウ</t>
  </si>
  <si>
    <t>カマクラシリツヤマサキショウガッコウ</t>
  </si>
  <si>
    <t>カマクラシリツイマイズミショウガッコウ</t>
  </si>
  <si>
    <t>カマクラシリツニシカマクラショウガッコウ</t>
  </si>
  <si>
    <t>カマクラシリツシチリガハマショウガッコウ</t>
  </si>
  <si>
    <t>カマクラシリツフジヅカショウガッコウ</t>
  </si>
  <si>
    <t>カマクラシリツセキヤショウガッコウ</t>
  </si>
  <si>
    <t>カマクラシリツウエキショウガッコウ</t>
  </si>
  <si>
    <t>カマクラシリツダイイチチュウガッコウ</t>
  </si>
  <si>
    <t>カマクラシリツダイニチュウガッコウ</t>
  </si>
  <si>
    <t>カマクラシリツオナリチュウガッコウ</t>
  </si>
  <si>
    <t>カマクラシリツコシゴエチュウガッコウ</t>
  </si>
  <si>
    <t>カマクラシリツフカサワチュウガッコウ</t>
  </si>
  <si>
    <t>カマクラシリツオオフナチュウガッコウ</t>
  </si>
  <si>
    <t>カマクラシリツタマナワチュウガッコウ</t>
  </si>
  <si>
    <t>カマクラシリツイワセチュウガッコウ</t>
  </si>
  <si>
    <t>カマクラシリツテビロチュウガッコウ</t>
  </si>
  <si>
    <t>フジサワシリツフジサワショウガッコウ</t>
  </si>
  <si>
    <t>フジサワシリツメイジショウガッコウ</t>
  </si>
  <si>
    <t>フジサワシリツクゲヌマショウガッコウ</t>
  </si>
  <si>
    <t>フジサワシリツホンチョウショウガッコウ</t>
  </si>
  <si>
    <t>フジサワシリツムラオカショウガッコウ</t>
  </si>
  <si>
    <t>フジサワシリツムツアイショウガッコウ</t>
  </si>
  <si>
    <t>フジサワシリツツジドウショウガッコウ</t>
  </si>
  <si>
    <t>フジサワシリツコウヨウショウガッコウ</t>
  </si>
  <si>
    <t>フジサワシリツカタセショウガッコウ</t>
  </si>
  <si>
    <t>フジサワシリツダイドウショウガッコウ</t>
  </si>
  <si>
    <t>フジサワシリツアキハダイショウガッコウ</t>
  </si>
  <si>
    <t>フジサワシリツゴショミショウガッコウ</t>
  </si>
  <si>
    <t>フジサワシリツチョウゴショウガッコウ</t>
  </si>
  <si>
    <t>フジサワシリツヤマツショウガッコウ</t>
  </si>
  <si>
    <t>フジサワシリツタカスナショウガッコウ</t>
  </si>
  <si>
    <t>フジサワシリツゼンギョウショウガッコウ</t>
  </si>
  <si>
    <t>フジサワシリツフジミダイショウガッコウ</t>
  </si>
  <si>
    <t>フジサワシリツコウナンショウガッコウ</t>
  </si>
  <si>
    <t>フジサワシリツハマミショウガッコウ</t>
  </si>
  <si>
    <t>フジサワシリツマタノショウガッコウ</t>
  </si>
  <si>
    <t>フジサワシリツオオコシショウガッコウ</t>
  </si>
  <si>
    <t>フジサワシリツハトリショウガッコウ</t>
  </si>
  <si>
    <t>フジサワシリツショウナンダイショウガッコウ</t>
  </si>
  <si>
    <t>フジサワシリツオオバショウガッコウ</t>
  </si>
  <si>
    <t>フジサワシリツカメイノショウガッコウ</t>
  </si>
  <si>
    <t>フジサワシリツシンバヤシショウガッコウ</t>
  </si>
  <si>
    <t>フジサワシリツナカサトショウガッコウ</t>
  </si>
  <si>
    <t>フジサワシリツタキノサワショウガッコウ</t>
  </si>
  <si>
    <t>フジサワシリツダイギリショウガッコウ</t>
  </si>
  <si>
    <t>フジサワシリツテンジンショウガッコウ</t>
  </si>
  <si>
    <t>フジサワシリツコマヨセショウガッコウ</t>
  </si>
  <si>
    <t>フジサワシリツタカヤショウガッコウ</t>
  </si>
  <si>
    <t>フジサワシリツコイトショウガッコウ</t>
  </si>
  <si>
    <t>フジサワシリツオオシミズショウガッコウ</t>
  </si>
  <si>
    <t>フジサワシリツイシカワショウガッコウ</t>
  </si>
  <si>
    <t>フジサワシリツダイイチチュウガッコウ</t>
  </si>
  <si>
    <t>フジサワシリツメイジチュウガッコウ</t>
  </si>
  <si>
    <t>フジサワシリツクゲヌマチュウガッコウ</t>
  </si>
  <si>
    <t>フジサワシリツムツアイチュウガッコウ</t>
  </si>
  <si>
    <t>フジサワシリツカタセチュウガッコウ</t>
  </si>
  <si>
    <t>フジサワシリツゴショミチュウガッコウ</t>
  </si>
  <si>
    <t>フジサワシリツショウヨウチュウガッコウ</t>
  </si>
  <si>
    <t>フジサワシリツチョウゴチュウガッコウ</t>
  </si>
  <si>
    <t>フジサワシリツフジガオカチュウガッコウ</t>
  </si>
  <si>
    <t>フジサワシリツタカハマチュウガッコウ</t>
  </si>
  <si>
    <t>フジサワシリツゼンギョウチュウガッコウ</t>
  </si>
  <si>
    <t>フジサワシリツアキハダイチュウガッコウ</t>
  </si>
  <si>
    <t>フジサワシリツオオバチュウガッコウ</t>
  </si>
  <si>
    <t>フジサワシリツムラオカチュウガッコウ</t>
  </si>
  <si>
    <t>フジサワシリツショウナンダイチュウガッコウ</t>
  </si>
  <si>
    <t>フジサワシリツタカクラチュウガッコウ</t>
  </si>
  <si>
    <t>フジサワシリツタキノサワチュウガッコウ</t>
  </si>
  <si>
    <t>フジサワシリツオオシミズチュウガッコウ</t>
  </si>
  <si>
    <t>フジサワシリツハトリチュウガッコウ</t>
  </si>
  <si>
    <t>オダワラシリツサンノマルショウガッコウ</t>
  </si>
  <si>
    <t>オダワラシリツアラタマショウガッコウ</t>
  </si>
  <si>
    <t>オダワラシリツアシガラショウガッコウ</t>
  </si>
  <si>
    <t>オダワラシリツアシコショウガッコウ</t>
  </si>
  <si>
    <t>オダワラシリツオオクボショウガッコウ</t>
  </si>
  <si>
    <t>オダワラシリツハヤカワショウガッコウ</t>
  </si>
  <si>
    <t>オダワラシリツサンノウショウガッコウ</t>
  </si>
  <si>
    <t>オダワラシリツクノショウガッコウ</t>
  </si>
  <si>
    <t>オダワラシリツトミズショウガッコウ</t>
  </si>
  <si>
    <t>オダワラシリツマチダショウガッコウ</t>
  </si>
  <si>
    <t>オダワラシリツシモフナカショウガッコウ</t>
  </si>
  <si>
    <t>オダワラシリツサクライショウガッコウ</t>
  </si>
  <si>
    <t>オダワラシリツチヨショウガッコウ</t>
  </si>
  <si>
    <t>オダワラシリツシモソガショウガッコウ</t>
  </si>
  <si>
    <t>オダワラシリツコウヅショウガッコウ</t>
  </si>
  <si>
    <t>オダワラシリツサカワショウガッコウ</t>
  </si>
  <si>
    <t>オダワラシリツカタウラショウガッコウ</t>
  </si>
  <si>
    <t>オダワラシリツソガショウガッコウ</t>
  </si>
  <si>
    <t>オダワラシリツヒガシトミズショウガッコウ</t>
  </si>
  <si>
    <t>オダワラシリツマエハショウガッコウ</t>
  </si>
  <si>
    <t>オダワラシリツシモナカショウガッコウ</t>
  </si>
  <si>
    <t>オダワラシリツヤハギショウガッコウ</t>
  </si>
  <si>
    <t>オダワラシリツホウトクショウガッコウ</t>
  </si>
  <si>
    <t>オダワラシリツトヨカワショウガッコウ</t>
  </si>
  <si>
    <t>オダワラシリツフジミショウガッコウ</t>
  </si>
  <si>
    <t>オダワラシリツシロヤマチュウガッコウ</t>
  </si>
  <si>
    <t>オダワラシリツハクオウチュウガッコウ</t>
  </si>
  <si>
    <t>オダワラシリツハクサンチュウガッコウ</t>
  </si>
  <si>
    <t>オダワラシリツジョウナンチュウガッコウ</t>
  </si>
  <si>
    <t>オダワラシリツカモノミヤチュウガッコウ</t>
  </si>
  <si>
    <t>オダワラシリツチヨチュウガッコウ</t>
  </si>
  <si>
    <t>オダワラシリツコウヅチュウガッコウ</t>
  </si>
  <si>
    <t>オダワラシリツサカワチュウガッコウ</t>
  </si>
  <si>
    <t>オダワラシリツイズミチュウガッコウ</t>
  </si>
  <si>
    <t>オダワラシリツタチバナチュウガッコウ</t>
  </si>
  <si>
    <t>オダワラシリツジョウホクチュウガッコウ</t>
  </si>
  <si>
    <t>チガサキシリツチガサキショウガッコウ</t>
  </si>
  <si>
    <t>チガサキシリツツルミネショウガッコウ</t>
  </si>
  <si>
    <t>チガサキシリツショウリンショウガッコウ</t>
  </si>
  <si>
    <t>チガサキシリツニシハマショウガッコウ</t>
  </si>
  <si>
    <t>チガサキシリツコイデショウガッコウ</t>
  </si>
  <si>
    <t>チガサキシリツマツナミショウガッコウ</t>
  </si>
  <si>
    <t>チガサキシリツウメダショウガッコウ</t>
  </si>
  <si>
    <t>チガサキシリツカガワショウガッコウ</t>
  </si>
  <si>
    <t>チガサキシリツハマスカショウガッコウ</t>
  </si>
  <si>
    <t>チガサキシリツツルガダイショウガッコウ</t>
  </si>
  <si>
    <t>チガサキシリツヤナギシマショウガッコウ</t>
  </si>
  <si>
    <t>チガサキシリツコワダショウガッコウ</t>
  </si>
  <si>
    <t>チガサキシリツエンゾウショウガッコウ</t>
  </si>
  <si>
    <t>チガサキシリツイマジュクショウガッコウ</t>
  </si>
  <si>
    <t>チガサキシリツムロダショウガッコウ</t>
  </si>
  <si>
    <t>チガサキシリツヒガシカイガンショウガッコウ</t>
  </si>
  <si>
    <t>チガサキシリツハマノゴウショウガッコウ</t>
  </si>
  <si>
    <t>チガサキシリツミドリガハマショウガッコウ</t>
  </si>
  <si>
    <t>チガサキシリツシオミダイショウガッコウ</t>
  </si>
  <si>
    <t>チガサキシリツダイイチチュウガッコウ</t>
  </si>
  <si>
    <t>チガサキシリツツルミネチュウガッコウ</t>
  </si>
  <si>
    <t>チガサキシリツショウリンチュウガッコウ</t>
  </si>
  <si>
    <t>チガサキシリツニシハマチュウガッコウ</t>
  </si>
  <si>
    <t>チガサキシリツマツナミチュウガッコウ</t>
  </si>
  <si>
    <t>チガサキシリツウメダチュウガッコウ</t>
  </si>
  <si>
    <t>チガサキシリツツルガダイチュウガッコウ</t>
  </si>
  <si>
    <t>チガサキシリツハマスカチュウガッコウ</t>
  </si>
  <si>
    <t>チガサキシリツホクヨウチュウガッコウ</t>
  </si>
  <si>
    <t>チガサキシリツナカジマチュウガッコウ</t>
  </si>
  <si>
    <t>チガサキシリツエンゾウチュウガッコウ</t>
  </si>
  <si>
    <t>チガサキシリツアカバネチュウガッコウ</t>
  </si>
  <si>
    <t>チガサキシリツハギソノチュウガッコウ</t>
  </si>
  <si>
    <t>ズシシリツズシショウガッコウ</t>
  </si>
  <si>
    <t>ズシシリツヌママショウガッコウ</t>
  </si>
  <si>
    <t>ズシシリツヒサギショウガッコウ</t>
  </si>
  <si>
    <t>ズシシリツコツボショウガッコウ</t>
  </si>
  <si>
    <t>ズシシリツイケゴショウガッコウ</t>
  </si>
  <si>
    <t>ズシシリツズシチュウガッコウ</t>
  </si>
  <si>
    <t>ズシシリツヒサギチュウガッコウ</t>
  </si>
  <si>
    <t>ズシシリツヌママチュウガッコウ</t>
  </si>
  <si>
    <t>ミウラシリツミサキショウガッコウ</t>
  </si>
  <si>
    <t>ミウラシリツコウヨウショウガッコウ</t>
  </si>
  <si>
    <t>ミウラシリツミナミシタウラショウガッコウ</t>
  </si>
  <si>
    <t>ミウラシリツカミミヤダショウガッコウ</t>
  </si>
  <si>
    <t>ミウラシリツケンザキショウガッコウ</t>
  </si>
  <si>
    <t>ミウラシリツハッセショウガッコウ</t>
  </si>
  <si>
    <t>ミウラシリツナコウショウガッコウ</t>
  </si>
  <si>
    <t>ミウラシリツアサヒショウガッコウ</t>
  </si>
  <si>
    <t>ミウラシリツミサキチュウガッコウ</t>
  </si>
  <si>
    <t>ミウラシリツミナミシタウラチュウガッコウ</t>
  </si>
  <si>
    <t>ミウラシリツハッセチュウガッコウ</t>
  </si>
  <si>
    <t>ヤマトシリツキタヤマトショウガッコウ</t>
  </si>
  <si>
    <t>ヤマトシリツリンカンショウガッコウ</t>
  </si>
  <si>
    <t>ヤマトシリツヤマトショウガッコウ</t>
  </si>
  <si>
    <t>ヤマトシリツソウヤギショウガッコウ</t>
  </si>
  <si>
    <t>ヤマトシリツフカミショウガッコウ</t>
  </si>
  <si>
    <t>ヤマトシリツサクラガオカショウガッコウ</t>
  </si>
  <si>
    <t>ヤマトシリツシブヤショウガッコウ</t>
  </si>
  <si>
    <t>ヤマトシリツニシツルマショウガッコウ</t>
  </si>
  <si>
    <t>ヤマトシリツミドリノショウガッコウ</t>
  </si>
  <si>
    <t>ヤマトシリツカミワダショウガッコウ</t>
  </si>
  <si>
    <t>ヤマトシリツヤナギバシショウガッコウ</t>
  </si>
  <si>
    <t>ヤマトシリツミナミリンカンショウガッコウ</t>
  </si>
  <si>
    <t>ヤマトシリツフクダショウガッコウ</t>
  </si>
  <si>
    <t>ヤマトシリツオオノハラショウガッコウ</t>
  </si>
  <si>
    <t>ヤマトシリツシモフクダショウガッコウ</t>
  </si>
  <si>
    <t>ヤマトシリツヤマトヒガシショウガッコウ</t>
  </si>
  <si>
    <t>ヤマトシリツフミガオカショウガッコウ</t>
  </si>
  <si>
    <t>ヤマトシリツチュウオウリンカンショウガッコウ</t>
  </si>
  <si>
    <t>ヤマトシリツヒキジダイショウガッコウ</t>
  </si>
  <si>
    <t>ヤマトシリツヤマトチュウガッコウ</t>
  </si>
  <si>
    <t>ヤマトシリツヒカリガオカチュウガッコウ</t>
  </si>
  <si>
    <t>ヤマトシリツシブヤチュウガッコウ</t>
  </si>
  <si>
    <t>ヤマトシリツツキミノチュウガッコウ</t>
  </si>
  <si>
    <t>ヤマトシリツツルマチュウガッコウ</t>
  </si>
  <si>
    <t>ヤマトシリツヒキジダイチュウガッコウ</t>
  </si>
  <si>
    <t>ヤマトシリツカミワダチュウガッコウ</t>
  </si>
  <si>
    <t>ヤマトシリツミナミリンカンチュウガッコウ</t>
  </si>
  <si>
    <t>ヤマトシリツシモフクダチュウガッコウ</t>
  </si>
  <si>
    <t>イセハラシリツイセハラショウガッコウ</t>
  </si>
  <si>
    <t>イセハラシリツオオヤマショウガッコウ</t>
  </si>
  <si>
    <t>イセハラシリツタカベヤショウガッコウ</t>
  </si>
  <si>
    <t>イセハラシリツヒビタショウガッコウ</t>
  </si>
  <si>
    <t>イセハラシリツナルセショウガッコウ</t>
  </si>
  <si>
    <t>イセハラシリツオオタショウガッコウ</t>
  </si>
  <si>
    <t>イセハラシリツサクラダイショウガッコウ</t>
  </si>
  <si>
    <t>イセハラシリツミドリダイショウガッコウ</t>
  </si>
  <si>
    <t>イセハラシリツタケゾノショウガッコウ</t>
  </si>
  <si>
    <t>イセハラシリツイシダショウガッコウ</t>
  </si>
  <si>
    <t>イセハラシリツサンノウチュウガッコウ</t>
  </si>
  <si>
    <t>イセハラシリツナルセチュウガッコウ</t>
  </si>
  <si>
    <t>イセハラシリツイセハラチュウガッコウ</t>
  </si>
  <si>
    <t>イセハラシリツナカザワチュウガッコウ</t>
  </si>
  <si>
    <t>ザマシリツザマショウガッコウ</t>
  </si>
  <si>
    <t>ザマシリツクリハラショウガッコウ</t>
  </si>
  <si>
    <t>ザマシリツサガミノショウガッコウ</t>
  </si>
  <si>
    <t>ザマシリツソウブダイヒガシショウガッコウ</t>
  </si>
  <si>
    <t>ザマシリツヒバリガオカショウガッコウ</t>
  </si>
  <si>
    <t>ザマシリツヒガシハラショウガッコウ</t>
  </si>
  <si>
    <t>ザマシリツサガミガオカショウガッコウ</t>
  </si>
  <si>
    <t>ザマシリツタツノダイショウガッコウ</t>
  </si>
  <si>
    <t>ザマシリツイリヤショウガッコウ</t>
  </si>
  <si>
    <t>ザマシリツアサヒショウガッコウ</t>
  </si>
  <si>
    <t>ザマシリツナカハラショウガッコウ</t>
  </si>
  <si>
    <t>ザマシリツザマチュウガッコウ</t>
  </si>
  <si>
    <t>ザマシリツニシチュウガッコウ</t>
  </si>
  <si>
    <t>ザマシリツヒガシチュウガッコウ</t>
  </si>
  <si>
    <t>ザマシリツクリハラチュウガッコウ</t>
  </si>
  <si>
    <t>ザマシリツサガミチュウガッコウ</t>
  </si>
  <si>
    <t>ザマシリツミナミチュウガッコウ</t>
  </si>
  <si>
    <t>ミナミアシガラシリツミナミアシガラショウガッコウ</t>
  </si>
  <si>
    <t>ミナミアシガラシリツフクザワショウガッコウ</t>
  </si>
  <si>
    <t>ミナミアシガラシリツオカモトショウガッコウ</t>
  </si>
  <si>
    <t>ミナミアシガラシリツイワハラショウガッコウ</t>
  </si>
  <si>
    <t>ミナミアシガラシリツムカイダショウガッコウ</t>
  </si>
  <si>
    <t>ミナミアシガラシリツミナミアシガラチュウガッコウ</t>
  </si>
  <si>
    <t>ミナミアシガラシリツオカモトチュウガッコウ</t>
  </si>
  <si>
    <t>ミナミアシガラシリツアシガラダイチュウガッコウ</t>
  </si>
  <si>
    <t>サムカワチョウリツサムカワショウガッコウ</t>
  </si>
  <si>
    <t>サムカワチョウリツイチノミヤショウガッコウ</t>
  </si>
  <si>
    <t>サムカワチョウリツアサヒショウガッコウ</t>
  </si>
  <si>
    <t>サムカワチョウリツコヤトショウガッコウ</t>
  </si>
  <si>
    <t>サムカワチョウリツミナミショウガッコウ</t>
  </si>
  <si>
    <t>サムカワチョウリツサムカワチュウガッコウ</t>
  </si>
  <si>
    <t>サムカワチョウリツサムカワヒガシチュウガッコウ</t>
  </si>
  <si>
    <t>オオイソチョウリツオオイソショウガッコウ</t>
  </si>
  <si>
    <t>オオイソチョウリツコクフショウガッコウ</t>
  </si>
  <si>
    <t>オオイソチョウリツオオイソチュウガッコウ</t>
  </si>
  <si>
    <t>オオイソチョウリツコクフチュウガッコウ</t>
  </si>
  <si>
    <t>ニノミヤチョウリツニノミヤショウガッコウ</t>
  </si>
  <si>
    <t>ニノミヤチョウリツイッシキショウガッコウ</t>
  </si>
  <si>
    <t>ニノミヤチョウリツヤマニシショウガッコウ</t>
  </si>
  <si>
    <t>ニノミヤチョウリツニノミヤチュウガッコウ</t>
  </si>
  <si>
    <t>ニノミヤチョウリツニノミヤニシチュウガッコウ</t>
  </si>
  <si>
    <t>ナカイチョウリツナカムラショウガッコウ</t>
  </si>
  <si>
    <t>ナカイチョウリツイノクチショウガッコウ</t>
  </si>
  <si>
    <t>ナカイチョウリツナカイチュウガッコウ</t>
  </si>
  <si>
    <t>オオイチョウリツオオイショウガッコウ</t>
  </si>
  <si>
    <t>オオイチョウリツソウワショウガッコウ</t>
  </si>
  <si>
    <t>オオイチョウリツカミオオイショウガッコウ</t>
  </si>
  <si>
    <t>オオイチョウリツショウコウチュウガッコウ</t>
  </si>
  <si>
    <t>ヤマキタチョウリツカワムラショウガッコウ</t>
  </si>
  <si>
    <t>ヤマキタチョウリツヤマキタチュウガッコウ</t>
  </si>
  <si>
    <t>カイセイチョウリツカイセイショウガッコウ</t>
  </si>
  <si>
    <t>カイセイチョウリツカイセイミナミショウガッコウ</t>
  </si>
  <si>
    <t>カイセイチョウリツブンメイチュウガッコウ</t>
  </si>
  <si>
    <t>ハコネチョウリツユモトショウガッコウ</t>
  </si>
  <si>
    <t>ハコネチョウリツハコネノモリショウガッコウ</t>
  </si>
  <si>
    <t>ハコネチョウリツセンゴクハラショウガッコウ</t>
  </si>
  <si>
    <t>ハコネチョウリツハコネチュウガッコウ</t>
  </si>
  <si>
    <t>ユガワラチョウリツユガワラショウガッコウ</t>
  </si>
  <si>
    <t>ユガワラチョウリツヨシハマショウガッコウ</t>
  </si>
  <si>
    <t>ユガワラチョウリツアズマダイフクウラショウガッコウ</t>
  </si>
  <si>
    <t>ユガワラチョウリツユガワラチュウガッコウ</t>
  </si>
  <si>
    <t>アイカワチョウリツナカツショウガッコウ</t>
  </si>
  <si>
    <t>アイカワチョウリツタカミネショウガッコウ</t>
  </si>
  <si>
    <t>アイカワチョウリツタシロショウガッコウ</t>
  </si>
  <si>
    <t>アイカワチョウリツハンバラショウガッコウ</t>
  </si>
  <si>
    <t>アイカワチョウリツナカツダイニショウガッコウ</t>
  </si>
  <si>
    <t>アイカワチョウリツスガワラショウガッコウ</t>
  </si>
  <si>
    <t>アイカワチョウリツアイカワヒガシチュウガッコウ</t>
  </si>
  <si>
    <t>アイカワチョウリツアイカワチュウガッコウ</t>
  </si>
  <si>
    <t>アイカワチョウリツアイカワナカハラチュウガッコウ</t>
  </si>
  <si>
    <t>キヨカワソンリツミドリショウガッコウ</t>
  </si>
  <si>
    <t>キヨカワソンリツミヤガセショウガッコウ</t>
  </si>
  <si>
    <t>キヨカワソンリツミドリチュウガッコウ</t>
  </si>
  <si>
    <t>キヨカワソンリツミヤガセチュウガッコウ</t>
  </si>
  <si>
    <t>カナガワケンリツツルミコウトウガッコウ</t>
  </si>
  <si>
    <t>カナガワケンリツツルミソウゴウコウトウガッコウ</t>
  </si>
  <si>
    <t>カナガワケンリツカナガワコウギョウコウトウガッコウ</t>
  </si>
  <si>
    <t>カナガワケンリツカナガワソウゴウコウトウガッコウ</t>
  </si>
  <si>
    <t>カナガワケンリツヨコハマスイランコウトウガッコウ</t>
  </si>
  <si>
    <t>カナガワケンリツシロサトコウトウガッコウ</t>
  </si>
  <si>
    <t>カナガワケンリツヨコハマヒラヌマコウトウガッコウ</t>
  </si>
  <si>
    <t>カナガワケンリツヨコハマミドリガオカコウトウガッコウ</t>
  </si>
  <si>
    <t>カナガワケンリツヨコハマタテノコウトウガッコウ</t>
  </si>
  <si>
    <t>カナガワケンリツヨコハマセイリョウコウトウガッコウ</t>
  </si>
  <si>
    <t>カナガワケンリツヨコハマコクサイコウトウガッコウ</t>
  </si>
  <si>
    <t>カナガワケンリツヨコハマナンリョウコウトウガッコウ</t>
  </si>
  <si>
    <t>カナガワケンリツヨコハマメイホウコウトウガッコウ</t>
  </si>
  <si>
    <t>カナガワケンリツナガヤコウトウガッコウ</t>
  </si>
  <si>
    <t>カナガワケンリツコウリョウコウトウガッコウ</t>
  </si>
  <si>
    <t>カナガワケンリツショウコウコウトウガッコウ</t>
  </si>
  <si>
    <t>カナガワケンリツホドガヤコウトウガッコウ</t>
  </si>
  <si>
    <t>カナガワケンリツキボウガオカコウトウガッコウ</t>
  </si>
  <si>
    <t>カナガワケンリツフタマタガワカンゴフクシコウトウガッコウ</t>
  </si>
  <si>
    <t>カナガワケンリツアサヒコウトウガッコウ</t>
  </si>
  <si>
    <t>カナガワケンリツヨコハマキョクリョウコウトウガッコウ</t>
  </si>
  <si>
    <t>カナガワケンリツイソゴコウギョウコウトウガッコウ</t>
  </si>
  <si>
    <t>カナガワケンリツカナザワソウゴウコウトウガッコウ</t>
  </si>
  <si>
    <t>カナガワケンリツカマリヤコウトウガッコウ</t>
  </si>
  <si>
    <t>カナガワケンリツコウホクコウトウガッコウ</t>
  </si>
  <si>
    <t>カナガワケンリツニッパコウトウガッコウ</t>
  </si>
  <si>
    <t>カナガワケンリツキシネコウトウガッコウ</t>
  </si>
  <si>
    <t>カナガワケンリツキリガオカコウトウガッコウ</t>
  </si>
  <si>
    <t>カナガワケンリツハクサンコウトウガッコウ</t>
  </si>
  <si>
    <t>カナガワケンリツイチガオコウトウガッコウ</t>
  </si>
  <si>
    <t>カナガワケンリツタナコウトウガッコウ</t>
  </si>
  <si>
    <t>カナガワケンリツモトイシカワコウトウガッコウ</t>
  </si>
  <si>
    <t>カナガワケンリツカワワコウトウガッコウ</t>
  </si>
  <si>
    <t>カナガワケンリツエダコウトウガッコウ</t>
  </si>
  <si>
    <t>カナガワケンリツシンエイコウトウガッコウ</t>
  </si>
  <si>
    <t>カナガワケンリツマイオカコウトウガッコウ</t>
  </si>
  <si>
    <t>カナガワケンリツヨコハマオウヨウコウトウガッコウ</t>
  </si>
  <si>
    <t>カナガワケンリツカミヤベコウトウガッコウ</t>
  </si>
  <si>
    <t>カナガワケンリツハクヨウコウトウガッコウ</t>
  </si>
  <si>
    <t>カナガワケンリツカナイコウトウガッコウ</t>
  </si>
  <si>
    <t>カナガワケンリツヨコハマサカエコウトウガッコウ</t>
  </si>
  <si>
    <t>カナガワケンリツショウヨウコウトウガッコウ</t>
  </si>
  <si>
    <t>カナガワケンリツヨコハマリョクエンコウトウガッコウ</t>
  </si>
  <si>
    <t>カナガワケンリツヨコハマシュウユウカンコウトウガッコウ</t>
  </si>
  <si>
    <t>カナガワケンリツカワサキコウトウガッコウ</t>
  </si>
  <si>
    <t>カナガワケンリツダイシコウトウガッコウ</t>
  </si>
  <si>
    <t>カナガワケンリツカワサキコウカコウトウガッコウ</t>
  </si>
  <si>
    <t>カナガワケンリツシンジョウコウトウガッコウ</t>
  </si>
  <si>
    <t>カナガワケンリツスミヨシコウトウガッコウ</t>
  </si>
  <si>
    <t>カナガワケンリツカワサキキタコウトウガッコウ</t>
  </si>
  <si>
    <t>カナガワケンリツタマコウトウガッコウ</t>
  </si>
  <si>
    <t>カナガワケンリツムカイノオカコウギョウコウトウガッコウ</t>
  </si>
  <si>
    <t>カナガワケンリツイクタコウトウガッコウ</t>
  </si>
  <si>
    <t>カナガワケンリツユリガオカコウトウガッコウ</t>
  </si>
  <si>
    <t>カナガワケンリツイクタヒガシコウトウガッコウ</t>
  </si>
  <si>
    <t>カナガワケンリツスゲコウトウガッコウ</t>
  </si>
  <si>
    <t>カナガワケンリツアサオソウゴウコウトウガッコウ</t>
  </si>
  <si>
    <t>カナガワケンリツアサオコウトウガッコウ</t>
  </si>
  <si>
    <t>カナガワケンリツアイハラコウトウガッコウ</t>
  </si>
  <si>
    <t>カナガワケンリツハシモトコウトウガッコウ</t>
  </si>
  <si>
    <t>カナガワケンリツツクイコウトウガッコウ</t>
  </si>
  <si>
    <t>カナガワケンリツカミミゾコウトウガッコウ</t>
  </si>
  <si>
    <t>カナガワケンリツサガミハラコウトウガッコウ</t>
  </si>
  <si>
    <t>カナガワケンリツカミミゾミナミコウトウガッコウ</t>
  </si>
  <si>
    <t>カナガワケンリツサガミタナコウトウガッコウ</t>
  </si>
  <si>
    <t>カナガワケンリツカナガワソウゴウサンギョウコウトウガッコウ</t>
  </si>
  <si>
    <t>カナガワケンリツアサミゾダイコウトウガッコウ</t>
  </si>
  <si>
    <t>カナガワケンリツカミツルマコウトウガッコウ</t>
  </si>
  <si>
    <t>カナガワケンリツヨコスカコウトウガッコウ</t>
  </si>
  <si>
    <t>カナガワケンリツヨコスカオオツコウトウガッコウ</t>
  </si>
  <si>
    <t>カナガワケンリツヨコスカコウギョウコウトウガッコウ</t>
  </si>
  <si>
    <t>カナガワケンリツカイヨウカガクコウトウガッコウ</t>
  </si>
  <si>
    <t>カナガワケンリツオッパマコウトウガッコウ</t>
  </si>
  <si>
    <t>カナガワケンリツツクイハマコウトウガッコウ</t>
  </si>
  <si>
    <t>カナガワケンリツヒラツカコウナンコウトウガッコウ</t>
  </si>
  <si>
    <t>カナガワケンリツヒラツカコウカコウトウガッコウ</t>
  </si>
  <si>
    <t>カナガワケンリツタカハマコウトウガッコウ</t>
  </si>
  <si>
    <t>カナガワケンリツヒラツカショウフウコウトウガッコウ</t>
  </si>
  <si>
    <t>カナガワケンリツカマクラコウトウガッコウ</t>
  </si>
  <si>
    <t>カナガワケンリツシチリガハマコウトウガッコウ</t>
  </si>
  <si>
    <t>カナガワケンリツオオフナコウトウガッコウ</t>
  </si>
  <si>
    <t>カナガワケンリツフカサワコウトウガッコウ</t>
  </si>
  <si>
    <t>カナガワケンリツショウナンコウトウガッコウ</t>
  </si>
  <si>
    <t>カナガワケンリツフジサワニシコウトウガッコウ</t>
  </si>
  <si>
    <t>カナガワケンリツフジサワコウカコウトウガッコウ</t>
  </si>
  <si>
    <t>カナガワケンリツフジサワセイリュウコウトウガッコウ</t>
  </si>
  <si>
    <t>カナガワケンリツフジサワソウゴウコウトウガッコウ</t>
  </si>
  <si>
    <t>カナガワケンリツショウナンダイコウトウガッコウ</t>
  </si>
  <si>
    <t>カナガワケンリツオダワラコウトウガッコウ</t>
  </si>
  <si>
    <t>カナガワケンリツオダワラヒガシコウトウガッコウ</t>
  </si>
  <si>
    <t>カナガワケンリツセイショウコウトウガッコウ</t>
  </si>
  <si>
    <t>カナガワケンリツオダワラジョウホクコウギョウコウトウガッコウ</t>
  </si>
  <si>
    <t>カナガワケンリツチガサキコウトウガッコウ</t>
  </si>
  <si>
    <t>カナガワケンリツチガサキホクリョウコウトウガッコウ</t>
  </si>
  <si>
    <t>カナガワケンリツツルミネコウトウガッコウ</t>
  </si>
  <si>
    <t>カナガワケンリツチガサキニシハマコウトウガッコウ</t>
  </si>
  <si>
    <t>カナガワケンリツミウラハッセコウトウガッコウ</t>
  </si>
  <si>
    <t>カナガワケンリツハダノコウトウガッコウ</t>
  </si>
  <si>
    <t>カナガワケンリツハダノソウゴウコウトウガッコウ</t>
  </si>
  <si>
    <t>カナガワケンリツハダノソヤコウトウガッコウ</t>
  </si>
  <si>
    <t>カナガワケンリツアツギコウトウガッコウ</t>
  </si>
  <si>
    <t>カナガワケンリツアツギヒガシコウトウガッコウ</t>
  </si>
  <si>
    <t>カナガワケンリツアツギショウギョウコウトウガッコウ</t>
  </si>
  <si>
    <t>カナガワケンリツアツギキタコウトウガッコウ</t>
  </si>
  <si>
    <t>カナガワケンリツアツギセイナンコウトウガッコウ</t>
  </si>
  <si>
    <t>カナガワケンリツアツギニシコウトウガッコウ</t>
  </si>
  <si>
    <t>カナガワケンリツヤマトコウトウガッコウ</t>
  </si>
  <si>
    <t>カナガワケンリツヤマトミナミコウトウガッコウ</t>
  </si>
  <si>
    <t>カナガワケンリツヤマトヒガシコウトウガッコウ</t>
  </si>
  <si>
    <t>カナガワケンリツヤマトニシコウトウガッコウ</t>
  </si>
  <si>
    <t>カナガワケンリツイセハラコウトウガッコウ</t>
  </si>
  <si>
    <t>カナガワケンリツイシダコウトウガッコウ</t>
  </si>
  <si>
    <t>カナガワケンリツチュウオウノウギョウコウトウガッコウ</t>
  </si>
  <si>
    <t>カナガワケンリツエビナコウトウガッコウ</t>
  </si>
  <si>
    <t>カナガワケンリツアリマコウトウガッコウ</t>
  </si>
  <si>
    <t>カナガワケンリツザマコウトウガッコウ</t>
  </si>
  <si>
    <t>カナガワケンリツザマソウゴウコウトウガッコウ</t>
  </si>
  <si>
    <t>カナガワケンリツサガミコウヨウカンコウトウガッコウ</t>
  </si>
  <si>
    <t>カナガワケンリツアシガラコウトウガッコウ</t>
  </si>
  <si>
    <t>カナガワケンリツアヤセコウトウガッコウ</t>
  </si>
  <si>
    <t>カナガワケンリツアヤセニシコウトウガッコウ</t>
  </si>
  <si>
    <t>カナガワケンリツサムカワコウトウガッコウ</t>
  </si>
  <si>
    <t>カナガワケンリツオオイソコウトウガッコウ</t>
  </si>
  <si>
    <t>カナガワケンリツニノミヤコウトウガッコウ</t>
  </si>
  <si>
    <t>カナガワケンリツオオイコウトウガッコウ</t>
  </si>
  <si>
    <t>カナガワケンリツヤマキタコウトウガッコウ</t>
  </si>
  <si>
    <t>カナガワケンリツヨシダジマコウトウガッコウ</t>
  </si>
  <si>
    <t>カナガワケンリツアイカワコウトウガッコウ</t>
  </si>
  <si>
    <t>相模原市</t>
  </si>
  <si>
    <t>252-0327</t>
  </si>
  <si>
    <t>http://www.sagamihara-araiso-e.ed.jp</t>
  </si>
  <si>
    <t>252-0335</t>
  </si>
  <si>
    <t>http://www.sagamihara-asamizo-e.ed.jp</t>
  </si>
  <si>
    <t>252-0244</t>
  </si>
  <si>
    <t>042-762-0170</t>
  </si>
  <si>
    <t>http://www.sagamihara-tana-e.ed.jp</t>
  </si>
  <si>
    <t>252-0243</t>
  </si>
  <si>
    <t>神奈川県相模原市中央区上溝7丁目6-1</t>
  </si>
  <si>
    <t>http://www.sagamihara-kamimizo-e.ed.jp</t>
  </si>
  <si>
    <t>252-0238</t>
  </si>
  <si>
    <t>神奈川県相模原市中央区星が丘3丁目1-6</t>
  </si>
  <si>
    <t>http://www.sagamihara-hoshigaoka-e.ed.jp</t>
  </si>
  <si>
    <t>252-0135</t>
  </si>
  <si>
    <t>http://www.sagamihara-ohsawa-e.ed.jp</t>
  </si>
  <si>
    <t>神奈川県相模原市緑区橋本6丁目15-27</t>
  </si>
  <si>
    <t>http://www.sagamihara-asahi-e.ed.jp</t>
  </si>
  <si>
    <t>252-0214</t>
  </si>
  <si>
    <t>http://www.sagamihara-koyo-e.ed.jp</t>
  </si>
  <si>
    <t>252-0141</t>
  </si>
  <si>
    <t>神奈川県相模原市緑区相原4丁目13-14</t>
  </si>
  <si>
    <t>http://www.sagamihara-aihara-e.ed.jp</t>
  </si>
  <si>
    <t>252-0344</t>
  </si>
  <si>
    <t>神奈川県相模原市南区古淵3丁目21-2</t>
  </si>
  <si>
    <t>http://www.sagamihara-ohno-e.ed.jp</t>
  </si>
  <si>
    <t>252-0206</t>
  </si>
  <si>
    <t>神奈川県相模原市中央区淵野辺4丁目6-22</t>
  </si>
  <si>
    <t>http://www.sagamihara-fuchinobe-e.ed.jp</t>
  </si>
  <si>
    <t>252-0302</t>
  </si>
  <si>
    <t>神奈川県相模原市南区上鶴間1丁目5-1</t>
  </si>
  <si>
    <t>042-742-2674</t>
  </si>
  <si>
    <t>http://www.sagamihara-minamiohno-e.ed.jp</t>
  </si>
  <si>
    <t>252-0307</t>
  </si>
  <si>
    <t>神奈川県相模原市南区文京2丁目12-1</t>
  </si>
  <si>
    <t>http://www.sagamihara-yaguchidai-e.ed.jp</t>
  </si>
  <si>
    <t>252-0236</t>
  </si>
  <si>
    <t>神奈川県相模原市中央区富士見1丁目3-22</t>
  </si>
  <si>
    <t>http://www.sagamihara-chuo-e.ed.jp</t>
  </si>
  <si>
    <t>252-0216</t>
  </si>
  <si>
    <t>神奈川県相模原市中央区清新3丁目16-6</t>
  </si>
  <si>
    <t>http://www.sagamihara-seishin-e.ed.jp</t>
  </si>
  <si>
    <t>252-0314</t>
  </si>
  <si>
    <t>神奈川県相模原市南区南台6丁目5-1</t>
  </si>
  <si>
    <t>http://www.sagamihara-sagamidai-e.ed.jp</t>
  </si>
  <si>
    <t>252-0312</t>
  </si>
  <si>
    <t>神奈川県相模原市南区相南2丁目3-1</t>
  </si>
  <si>
    <t>http://www.sagamihara-torin-e.ed.jp</t>
  </si>
  <si>
    <t>252-0323</t>
  </si>
  <si>
    <t>神奈川県相模原市南区相武台団地2丁目5-1</t>
  </si>
  <si>
    <t>http://www.sagamihara-sobudai-e.ed.jp</t>
  </si>
  <si>
    <t>252-0227</t>
  </si>
  <si>
    <t>神奈川県相模原市中央区光が丘2丁目19-1</t>
  </si>
  <si>
    <t>http://www.sagamihara-hikarigaoka-e.ed.jp</t>
  </si>
  <si>
    <t>252-0333</t>
  </si>
  <si>
    <t>神奈川県相模原市南区東大沼3丁目20-1</t>
  </si>
  <si>
    <t>http://www.sagamihara-ohnuma-e.ed.jp</t>
  </si>
  <si>
    <t>252-0221</t>
  </si>
  <si>
    <t>神奈川県相模原市中央区高根1丁目16-13</t>
  </si>
  <si>
    <t>http://www.sagamihara-kyowa-e.ed.jp</t>
  </si>
  <si>
    <t>252-0321</t>
  </si>
  <si>
    <t>神奈川県相模原市南区相模台7丁目7-1</t>
  </si>
  <si>
    <t>http://www.sagamihara-sakuradai-e.ed.jp</t>
  </si>
  <si>
    <t>神奈川県相模原市南区上鶴間4丁目7-1</t>
  </si>
  <si>
    <t>http://www.sagamihara-kamitsuruma-e.ed.jp</t>
  </si>
  <si>
    <t>252-0241</t>
  </si>
  <si>
    <t>神奈川県相模原市中央区横山台2丁目35-1</t>
  </si>
  <si>
    <t>http://www.sagamihara-yokoyama-e.ed.jp</t>
  </si>
  <si>
    <t>252-0304</t>
  </si>
  <si>
    <t>http://www.sagamihara-tsurunodai-e.ed.jp</t>
  </si>
  <si>
    <t>252-0318</t>
  </si>
  <si>
    <t>神奈川県相模原市南区上鶴間本町1丁目9-1</t>
  </si>
  <si>
    <t>http://www.sagamihara-kashimadai-e.ed.jp</t>
  </si>
  <si>
    <t>252-0325</t>
  </si>
  <si>
    <t>神奈川県相模原市南区新磯野3丁目10-23</t>
  </si>
  <si>
    <t>http://www.sagamihara-midoridai-e.ed.jp</t>
  </si>
  <si>
    <t>神奈川県相模原市緑区橋本1丁目12-20</t>
  </si>
  <si>
    <t>http://www.sagamihara-hashimoto-e.ed.jp</t>
  </si>
  <si>
    <t>252-0331</t>
  </si>
  <si>
    <t>神奈川県相模原市南区大野台8丁目1-15</t>
  </si>
  <si>
    <t>http://www.sagamihara-ohnodai-e.ed.jp</t>
  </si>
  <si>
    <t>252-0228</t>
  </si>
  <si>
    <t>神奈川県相模原市中央区並木2丁目16-1</t>
  </si>
  <si>
    <t>http://www.sagamihara-namiki-e.ed.jp</t>
  </si>
  <si>
    <t>252-0134</t>
  </si>
  <si>
    <t>http://www.sagamihara-sakunokuchi-e.ed.jp</t>
  </si>
  <si>
    <t>神奈川県相模原市中央区淵野辺2丁目34-1</t>
  </si>
  <si>
    <t>http://www.sagamihara-ohnokita-e.ed.jp</t>
  </si>
  <si>
    <t>神奈川県相模原市南区上鶴間本町7丁目8-1</t>
  </si>
  <si>
    <t>http://www.sagamihara-tsuruzono-e.ed.jp</t>
  </si>
  <si>
    <t>神奈川県相模原市南区上鶴間5丁目7-1</t>
  </si>
  <si>
    <t>http://www.sagamihara-kunugidai-e.ed.jp</t>
  </si>
  <si>
    <t>252-0316</t>
  </si>
  <si>
    <t>神奈川県相模原市南区双葉1丁目2-15</t>
  </si>
  <si>
    <t>http://www.sagamihara-futaba-e.ed.jp</t>
  </si>
  <si>
    <t>252-0226</t>
  </si>
  <si>
    <t>神奈川県相模原市中央区陽光台1丁目15-1</t>
  </si>
  <si>
    <t>http://www.sagamihara-yokodai-e.ed.jp</t>
  </si>
  <si>
    <t>http://www.sagamihara-wakakusa-e.ed.jp</t>
  </si>
  <si>
    <t>http://www.sagamihara-kamimizominami-e.ed.jp</t>
  </si>
  <si>
    <t>http://www.sagamihara-ohshima-e.ed.jp</t>
  </si>
  <si>
    <t>252-0137</t>
  </si>
  <si>
    <t>神奈川県相模原市緑区二本松2丁目9-1</t>
  </si>
  <si>
    <t>http://www.sagamihara-nihonmatsu-e.ed.jp</t>
  </si>
  <si>
    <t>http://www.sagamihara-tanakita-e.ed.jp</t>
  </si>
  <si>
    <t>252-0229</t>
  </si>
  <si>
    <t>神奈川県相模原市中央区弥栄3丁目1-10</t>
  </si>
  <si>
    <t>http://www.sagamihara-yaei-e.ed.jp</t>
  </si>
  <si>
    <t>神奈川県相模原市中央区並木4丁目8-4</t>
  </si>
  <si>
    <t>http://www.sagamihara-aoba-e.ed.jp</t>
  </si>
  <si>
    <t>神奈川県相模原市南区大野台2丁目26-8</t>
  </si>
  <si>
    <t>http://www.sagamihara-ohnodaichuo-e.ed.jp</t>
  </si>
  <si>
    <t>神奈川県相模原市緑区橋本4丁目11-1</t>
  </si>
  <si>
    <t>http://www.sagamihara-miyakami-e.ed.jp</t>
  </si>
  <si>
    <t>http://www.sagamihara-kuzawa-e.ed.jp</t>
  </si>
  <si>
    <t>神奈川県相模原市南区上鶴間本町5丁目13-1</t>
  </si>
  <si>
    <t>http://www.sagamihara-yaguchi-e.ed.jp</t>
  </si>
  <si>
    <t>252-0203</t>
  </si>
  <si>
    <t>神奈川県相模原市中央区東淵野辺3丁目17-1</t>
  </si>
  <si>
    <t>http://www.sagamihara-fuchinobehigashi-e.ed.jp</t>
  </si>
  <si>
    <t>252-0334</t>
  </si>
  <si>
    <t>神奈川県相模原市南区若松2丁目22-1</t>
  </si>
  <si>
    <t>http://www.sagamihara-wakamatsu-e.ed.jp</t>
  </si>
  <si>
    <t>http://www.sagamihara-shinjuku-e.ed.jp</t>
  </si>
  <si>
    <t>神奈川県相模原市緑区相原1丁目14-1</t>
  </si>
  <si>
    <t>http://www.sagamihara-taimada-e.ed.jp</t>
  </si>
  <si>
    <t>神奈川県相模原市南区新磯野2丁目41-16</t>
  </si>
  <si>
    <t>http://www.sagamihara-moegidai-e.ed.jp</t>
  </si>
  <si>
    <t>252-0336</t>
  </si>
  <si>
    <t>http://www.sagamihara-yumenooka-e.ed.jp</t>
  </si>
  <si>
    <t>神奈川県相模原市中央区富士見2丁目4-1</t>
  </si>
  <si>
    <t>http://www.sagamihara-fujimi-e.ed.jp</t>
  </si>
  <si>
    <t>252-0205</t>
  </si>
  <si>
    <t>神奈川県相模原市中央区小山4丁目3-2</t>
  </si>
  <si>
    <t>http://www.sagamihara-oyama-e.ed.jp</t>
  </si>
  <si>
    <t>神奈川県相模原市緑区久保沢2丁目22-2</t>
  </si>
  <si>
    <t>http://www.sagamihara-kawashiri-e.ed.jp</t>
  </si>
  <si>
    <t>http://www.sagamihara-shonan-e.ed.jp</t>
  </si>
  <si>
    <t>神奈川県相模原市緑区若葉台4丁目3-1</t>
  </si>
  <si>
    <t>http://www.sagamihara-koryo-e.ed.jp</t>
  </si>
  <si>
    <t>http://www.sagamihara-hirota-e.ed.jp</t>
  </si>
  <si>
    <t>252-0157</t>
  </si>
  <si>
    <t>http://www.sagamihara-nakano-e.ed.jp</t>
  </si>
  <si>
    <t>252-0159</t>
  </si>
  <si>
    <t>http://www.sagamihara-tsukuichuo-e.ed.jp</t>
  </si>
  <si>
    <t>252-0154</t>
  </si>
  <si>
    <t>http://www.sagamihara-kushikawa-e.ed.jp</t>
  </si>
  <si>
    <t>252-0153</t>
  </si>
  <si>
    <t>http://www.sagamihara-negoya-e.ed.jp</t>
  </si>
  <si>
    <t>252-0155</t>
  </si>
  <si>
    <t>252-0161</t>
  </si>
  <si>
    <t>252-0171</t>
  </si>
  <si>
    <t>http://www.sagamihara-keihoku-e.ed.jp</t>
  </si>
  <si>
    <t>252-0174</t>
  </si>
  <si>
    <t>http://www.sagamihara-chigira-e.ed.jp</t>
  </si>
  <si>
    <t>252-0176</t>
  </si>
  <si>
    <t>http://www.sagamihara-uchigo-e.ed.jp</t>
  </si>
  <si>
    <t>252-0181</t>
  </si>
  <si>
    <t>http://www.sagamihara-fujinokita-e.ed.jp</t>
  </si>
  <si>
    <t>252-0185</t>
  </si>
  <si>
    <t>http://www.sagamihara-fujino-e.ed.jp</t>
  </si>
  <si>
    <t>252-0186</t>
  </si>
  <si>
    <t>http://www.sagamihara-fujinominami-e.ed.jp</t>
  </si>
  <si>
    <t>相模原市立相陽中学校</t>
  </si>
  <si>
    <t>http://www.sagamihara-soyo-j.ed.jp</t>
  </si>
  <si>
    <t>相模原市立上溝中学校</t>
  </si>
  <si>
    <t>252-0242</t>
  </si>
  <si>
    <t>神奈川県相模原市中央区横山5丁目19-54</t>
  </si>
  <si>
    <t>http://www.sagamihara-kamimizo-j.ed.jp</t>
  </si>
  <si>
    <t>相模原市立田名中学校</t>
  </si>
  <si>
    <t>http://www.sagamihara-tana-j.ed.jp</t>
  </si>
  <si>
    <t>相模原市立大沢中学校</t>
  </si>
  <si>
    <t>http://www.sagamihara-ohsawa-j.ed.jp</t>
  </si>
  <si>
    <t>相模原市立旭中学校</t>
  </si>
  <si>
    <t>神奈川県相模原市緑区橋本1丁目12-15</t>
  </si>
  <si>
    <t>http://www.sagamihara-asahi-j.ed.jp</t>
  </si>
  <si>
    <t>相模原市立大野北中学校</t>
  </si>
  <si>
    <t>神奈川県相模原市中央区淵野辺2丁目8-40</t>
  </si>
  <si>
    <t>http://www.sagamihara-ohnokita-j.ed.jp</t>
  </si>
  <si>
    <t>相模原市立大野南中学校</t>
  </si>
  <si>
    <t>神奈川県相模原市南区文京1丁目10-1</t>
  </si>
  <si>
    <t>http://www.sagamihara-ohnominami-j.ed.jp</t>
  </si>
  <si>
    <t>相模原市立相模台中学校</t>
  </si>
  <si>
    <t>252-0315</t>
  </si>
  <si>
    <t>http://www.sagamihara-sagamidai-j.ed.jp</t>
  </si>
  <si>
    <t>相模原市立清新中学校</t>
  </si>
  <si>
    <t>神奈川県相模原市中央区清新8丁目5-1</t>
  </si>
  <si>
    <t>http://www.sagamihara-seishin-j.ed.jp</t>
  </si>
  <si>
    <t>相模原市立上鶴間中学校</t>
  </si>
  <si>
    <t>神奈川県相模原市南区上鶴間4丁目14-1</t>
  </si>
  <si>
    <t>http://www.sagamihara-kamitsuruma-j.ed.jp</t>
  </si>
  <si>
    <t>相模原市立麻溝台中学校</t>
  </si>
  <si>
    <t>252-0328</t>
  </si>
  <si>
    <t>神奈川県相模原市南区麻溝台4丁目12-1</t>
  </si>
  <si>
    <t>http://www.sagamihara-asamizodai-j.ed.jp</t>
  </si>
  <si>
    <t>相模原市立共和中学校</t>
  </si>
  <si>
    <t>252-0234</t>
  </si>
  <si>
    <t>神奈川県相模原市中央区共和1丁目3-10</t>
  </si>
  <si>
    <t>http://www.sagamihara-kyowa-j.ed.jp</t>
  </si>
  <si>
    <t>相模原市立緑が丘中学校</t>
  </si>
  <si>
    <t>252-0225</t>
  </si>
  <si>
    <t>神奈川県相模原市中央区緑が丘1丁目28-1</t>
  </si>
  <si>
    <t>http://www.sagamihara-midorigaoka-j.ed.jp</t>
  </si>
  <si>
    <t>相模原市立大野台中学校</t>
  </si>
  <si>
    <t>神奈川県相模原市南区大野台8丁目2-1</t>
  </si>
  <si>
    <t>http://www.sagamihara-ohnodai-j.ed.jp</t>
  </si>
  <si>
    <t>相模原市立相武台中学校</t>
  </si>
  <si>
    <t>神奈川県相模原市南区新磯野5丁目1-10</t>
  </si>
  <si>
    <t>http://www.sagamihara-sobudai-j.ed.jp</t>
  </si>
  <si>
    <t>相模原市立谷口中学校</t>
  </si>
  <si>
    <t>神奈川県相模原市南区上鶴間本町4丁目13-43</t>
  </si>
  <si>
    <t>http://www.sagamihara-yaguchi-j.ed.jp</t>
  </si>
  <si>
    <t>相模原市立中央中学校</t>
  </si>
  <si>
    <t>神奈川県相模原市中央区富士見1丁目3-17</t>
  </si>
  <si>
    <t>http://www.sagamihara-chuo-j.ed.jp</t>
  </si>
  <si>
    <t>相模原市立新町中学校</t>
  </si>
  <si>
    <t>252-0303</t>
  </si>
  <si>
    <t>神奈川県相模原市南区相模大野9丁目14-1</t>
  </si>
  <si>
    <t>http://www.sagamihara-shincho-j.ed.jp</t>
  </si>
  <si>
    <t>相模原市立弥栄中学校</t>
  </si>
  <si>
    <t>神奈川県相模原市中央区弥栄3丁目1-7</t>
  </si>
  <si>
    <t>http://www.sagamihara-yaei-j.ed.jp</t>
  </si>
  <si>
    <t>相模原市立相原中学校</t>
  </si>
  <si>
    <t>神奈川県相模原市緑区橋本8丁目12-1</t>
  </si>
  <si>
    <t>http://www.sagamihara-aihara-j.ed.jp</t>
  </si>
  <si>
    <t>相模原市立上溝南中学校</t>
  </si>
  <si>
    <t>http://www.sagamihara-kamimizominami-j.ed.jp</t>
  </si>
  <si>
    <t>相模原市立小山中学校</t>
  </si>
  <si>
    <t>神奈川県相模原市中央区小山4丁目3-1</t>
  </si>
  <si>
    <t>http://www.sagamihara-oyama-j.ed.jp</t>
  </si>
  <si>
    <t>相模原市立若草中学校</t>
  </si>
  <si>
    <t>http://www.sagamihara-wakakusa-j.ed.jp</t>
  </si>
  <si>
    <t>相模原市立由野台中学校</t>
  </si>
  <si>
    <t>252-0222</t>
  </si>
  <si>
    <t>神奈川県相模原市中央区由野台3丁目1-3</t>
  </si>
  <si>
    <t>http://www.sagamihara-yoshinodai-j.ed.jp</t>
  </si>
  <si>
    <t>相模原市立内出中学校</t>
  </si>
  <si>
    <t>http://www.sagamihara-uchide-j.ed.jp</t>
  </si>
  <si>
    <t>相模原市立鵜野森中学校</t>
  </si>
  <si>
    <t>252-0301</t>
  </si>
  <si>
    <t>神奈川県相模原市南区鵜野森1丁目11-1</t>
  </si>
  <si>
    <t>http://www.sagamihara-unomori-j.ed.jp</t>
  </si>
  <si>
    <t>相模原市立東林中学校</t>
  </si>
  <si>
    <t>神奈川県相模原市南区上鶴間8丁目21-1</t>
  </si>
  <si>
    <t>http://www.sagamihara-torin-j.ed.jp</t>
  </si>
  <si>
    <t>相模原市立相模丘中学校</t>
  </si>
  <si>
    <t>神奈川県相模原市緑区久保沢2丁目22-4</t>
  </si>
  <si>
    <t>http://www.sagamihara-sagamigaoka-j.ed.jp</t>
  </si>
  <si>
    <t>相模原市立中沢中学校</t>
  </si>
  <si>
    <t>252-0116</t>
  </si>
  <si>
    <t>神奈川県相模原市緑区城山2丁目7-1</t>
  </si>
  <si>
    <t>http://www.sagamihara-nakazawa-j.ed.jp</t>
  </si>
  <si>
    <t>相模原市立中野中学校</t>
  </si>
  <si>
    <t>http://www.sagamihara-nakano-j.ed.jp</t>
  </si>
  <si>
    <t>相模原市立串川中学校</t>
  </si>
  <si>
    <t>http://www.sagamihara-kushikawa-j.ed.jp</t>
  </si>
  <si>
    <t>相模原市立北相中学校</t>
  </si>
  <si>
    <t>http://www.sagamihara-hokuso-j.ed.jp</t>
  </si>
  <si>
    <t>相模原市立内郷中学校</t>
  </si>
  <si>
    <t>http://www.sagamihara-uchigo-j.ed.jp</t>
  </si>
  <si>
    <t>相模原市立藤野中学校</t>
  </si>
  <si>
    <t>252-0184</t>
  </si>
  <si>
    <t>http://www.sagamihara-fujino-j.ed.jp</t>
  </si>
  <si>
    <t>平塚市</t>
    <rPh sb="0" eb="2">
      <t>ヒラツカ</t>
    </rPh>
    <rPh sb="2" eb="3">
      <t>シ</t>
    </rPh>
    <phoneticPr fontId="18"/>
  </si>
  <si>
    <t>神奈川県立平塚工科高等学校</t>
    <rPh sb="5" eb="6">
      <t>ヒラツカ</t>
    </rPh>
    <rPh sb="6" eb="7">
      <t>ツカ</t>
    </rPh>
    <rPh sb="7" eb="9">
      <t>コウカ</t>
    </rPh>
    <rPh sb="9" eb="13">
      <t>コウトウガッコウ</t>
    </rPh>
    <phoneticPr fontId="21"/>
  </si>
  <si>
    <t>0150000001</t>
  </si>
  <si>
    <t>0150000002</t>
  </si>
  <si>
    <t>0150000003</t>
  </si>
  <si>
    <t>0150000004</t>
  </si>
  <si>
    <t>0150000005</t>
  </si>
  <si>
    <t>0150000006</t>
  </si>
  <si>
    <t>0150000007</t>
  </si>
  <si>
    <t>0150000008</t>
  </si>
  <si>
    <t>0150000009</t>
  </si>
  <si>
    <t>0150000010</t>
  </si>
  <si>
    <t>0150000011</t>
  </si>
  <si>
    <t>0150000012</t>
  </si>
  <si>
    <t>0150000013</t>
  </si>
  <si>
    <t>0150000014</t>
  </si>
  <si>
    <t>0150000015</t>
  </si>
  <si>
    <t>0150000016</t>
  </si>
  <si>
    <t>0150000017</t>
  </si>
  <si>
    <t>0150000018</t>
  </si>
  <si>
    <t>0150000019</t>
  </si>
  <si>
    <t>0150000020</t>
  </si>
  <si>
    <t>0150000021</t>
  </si>
  <si>
    <t>0150000022</t>
  </si>
  <si>
    <t>0150000023</t>
  </si>
  <si>
    <t>0150000024</t>
  </si>
  <si>
    <t>0150000025</t>
  </si>
  <si>
    <t>0150000026</t>
  </si>
  <si>
    <t>0150000027</t>
  </si>
  <si>
    <t>0150000028</t>
  </si>
  <si>
    <t>0150000030</t>
  </si>
  <si>
    <t>0150000031</t>
  </si>
  <si>
    <t>0150000032</t>
  </si>
  <si>
    <t>0150000033</t>
  </si>
  <si>
    <t>0150000034</t>
  </si>
  <si>
    <t>0150000035</t>
  </si>
  <si>
    <t>0150000036</t>
  </si>
  <si>
    <t>0150000037</t>
  </si>
  <si>
    <t>0150000038</t>
  </si>
  <si>
    <t>0150000039</t>
  </si>
  <si>
    <t>0150000041</t>
  </si>
  <si>
    <t>0150000042</t>
  </si>
  <si>
    <t>0150000043</t>
  </si>
  <si>
    <t>0150000044</t>
  </si>
  <si>
    <t>0150000045</t>
  </si>
  <si>
    <t>0150000046</t>
  </si>
  <si>
    <t>0150000047</t>
  </si>
  <si>
    <t>0150000048</t>
  </si>
  <si>
    <t>0150000049</t>
  </si>
  <si>
    <t>0150000050</t>
  </si>
  <si>
    <t>0150000051</t>
  </si>
  <si>
    <t>0150000052</t>
  </si>
  <si>
    <t>0150000053</t>
  </si>
  <si>
    <t>0150000054</t>
  </si>
  <si>
    <t>0150000055</t>
  </si>
  <si>
    <t>0150000056</t>
  </si>
  <si>
    <t>0150000057</t>
  </si>
  <si>
    <t>0150000058</t>
  </si>
  <si>
    <t>0150000059</t>
  </si>
  <si>
    <t>0150000060</t>
  </si>
  <si>
    <t>0150000061</t>
  </si>
  <si>
    <t>0150000062</t>
  </si>
  <si>
    <t>0150000063</t>
  </si>
  <si>
    <t>0150000064</t>
  </si>
  <si>
    <t>0150000065</t>
  </si>
  <si>
    <t>0150000066</t>
  </si>
  <si>
    <t>0150000067</t>
  </si>
  <si>
    <t>0150000068</t>
  </si>
  <si>
    <t>0150000069</t>
  </si>
  <si>
    <t>0150000070</t>
  </si>
  <si>
    <t>0150000071</t>
  </si>
  <si>
    <t>0150000072</t>
  </si>
  <si>
    <t>0150000073</t>
  </si>
  <si>
    <t>0150000074</t>
  </si>
  <si>
    <t>0150000075</t>
  </si>
  <si>
    <t>0150000076</t>
  </si>
  <si>
    <t>0150000077</t>
  </si>
  <si>
    <t>0150000078</t>
  </si>
  <si>
    <t>0150000079</t>
  </si>
  <si>
    <t>0150000080</t>
  </si>
  <si>
    <t>0150000081</t>
  </si>
  <si>
    <t>0150000082</t>
  </si>
  <si>
    <t>0150000083</t>
  </si>
  <si>
    <t>0150000084</t>
  </si>
  <si>
    <t>0150000085</t>
  </si>
  <si>
    <t>0150000086</t>
  </si>
  <si>
    <t>0150000087</t>
  </si>
  <si>
    <t>0150000088</t>
  </si>
  <si>
    <t>0150000089</t>
  </si>
  <si>
    <t>0150000090</t>
  </si>
  <si>
    <t>0150000091</t>
  </si>
  <si>
    <t>0150000092</t>
  </si>
  <si>
    <t>0150000093</t>
  </si>
  <si>
    <t>0150000094</t>
  </si>
  <si>
    <t>0150000095</t>
  </si>
  <si>
    <t>0150000096</t>
  </si>
  <si>
    <t>0150000097</t>
  </si>
  <si>
    <t>0150000098</t>
  </si>
  <si>
    <t>0150000099</t>
  </si>
  <si>
    <t>0150000100</t>
  </si>
  <si>
    <t>0150000101</t>
  </si>
  <si>
    <t>0150000102</t>
  </si>
  <si>
    <t>0150000103</t>
  </si>
  <si>
    <t>0150000104</t>
  </si>
  <si>
    <t>0150000105</t>
  </si>
  <si>
    <t>0150000106</t>
  </si>
  <si>
    <t>0150000107</t>
  </si>
  <si>
    <t>0150000109</t>
  </si>
  <si>
    <t>0150000110</t>
  </si>
  <si>
    <t>0150000111</t>
  </si>
  <si>
    <t>0150000112</t>
  </si>
  <si>
    <t>0150000113</t>
  </si>
  <si>
    <t>0150000114</t>
  </si>
  <si>
    <t>0150000116</t>
  </si>
  <si>
    <t>0150000117</t>
  </si>
  <si>
    <t>0150000118</t>
  </si>
  <si>
    <t>0150000119</t>
  </si>
  <si>
    <t>0150000120</t>
  </si>
  <si>
    <t>0150000121</t>
  </si>
  <si>
    <t>0150000122</t>
  </si>
  <si>
    <t>0150000123</t>
  </si>
  <si>
    <t>0150000124</t>
  </si>
  <si>
    <t>0150000125</t>
  </si>
  <si>
    <t>0150000126</t>
  </si>
  <si>
    <t>0150000127</t>
  </si>
  <si>
    <t>0150000128</t>
  </si>
  <si>
    <t>0150000129</t>
  </si>
  <si>
    <t>0150000130</t>
  </si>
  <si>
    <t>0150000131</t>
  </si>
  <si>
    <t>0150000132</t>
  </si>
  <si>
    <t>0150000133</t>
  </si>
  <si>
    <t>0150000134</t>
  </si>
  <si>
    <t>0150000135</t>
  </si>
  <si>
    <t>0150000136</t>
  </si>
  <si>
    <t>0150000137</t>
  </si>
  <si>
    <t>0150000138</t>
  </si>
  <si>
    <t>0150000139</t>
  </si>
  <si>
    <t>0150000140</t>
  </si>
  <si>
    <t>0150000141</t>
  </si>
  <si>
    <t>0150000142</t>
  </si>
  <si>
    <t>0150000143</t>
  </si>
  <si>
    <t>0150000144</t>
  </si>
  <si>
    <t>0150000145</t>
  </si>
  <si>
    <t>0150000146</t>
  </si>
  <si>
    <t>0150000147</t>
  </si>
  <si>
    <t>0150000148</t>
  </si>
  <si>
    <t>0150000149</t>
  </si>
  <si>
    <t>0150000150</t>
  </si>
  <si>
    <t>0150000151</t>
  </si>
  <si>
    <t>0150000152</t>
  </si>
  <si>
    <t>0150000153</t>
  </si>
  <si>
    <t>0150000154</t>
  </si>
  <si>
    <t>0150000155</t>
  </si>
  <si>
    <t>0150000156</t>
  </si>
  <si>
    <t>0150000157</t>
  </si>
  <si>
    <t>0150000158</t>
  </si>
  <si>
    <t>0150000159</t>
  </si>
  <si>
    <t>0150000160</t>
  </si>
  <si>
    <t>0150000161</t>
  </si>
  <si>
    <t>0150000162</t>
  </si>
  <si>
    <t>0150000163</t>
  </si>
  <si>
    <t>0150000164</t>
  </si>
  <si>
    <t>0150000165</t>
  </si>
  <si>
    <t>0150000166</t>
  </si>
  <si>
    <t>0150000167</t>
  </si>
  <si>
    <t>0150000168</t>
  </si>
  <si>
    <t>0150000169</t>
  </si>
  <si>
    <t>0150000170</t>
  </si>
  <si>
    <t>0150000171</t>
  </si>
  <si>
    <t>0150000172</t>
  </si>
  <si>
    <t>0150000173</t>
  </si>
  <si>
    <t>0150000174</t>
  </si>
  <si>
    <t>0150000175</t>
  </si>
  <si>
    <t>0150000176</t>
  </si>
  <si>
    <t>0150000177</t>
  </si>
  <si>
    <t>0150000178</t>
  </si>
  <si>
    <t>0150000179</t>
  </si>
  <si>
    <t>0150000180</t>
  </si>
  <si>
    <t>0150000181</t>
  </si>
  <si>
    <t>0150000182</t>
  </si>
  <si>
    <t>0150000183</t>
  </si>
  <si>
    <t>0150000184</t>
  </si>
  <si>
    <t>0150000185</t>
  </si>
  <si>
    <t>0150000186</t>
  </si>
  <si>
    <t>0150000187</t>
  </si>
  <si>
    <t>0150000188</t>
  </si>
  <si>
    <t>0150000189</t>
  </si>
  <si>
    <t>0150000190</t>
  </si>
  <si>
    <t>0150000191</t>
  </si>
  <si>
    <t>0150000192</t>
  </si>
  <si>
    <t>0150000193</t>
  </si>
  <si>
    <t>0150000194</t>
  </si>
  <si>
    <t>0150000195</t>
  </si>
  <si>
    <t>0150000196</t>
  </si>
  <si>
    <t>0150000197</t>
  </si>
  <si>
    <t>0150000198</t>
  </si>
  <si>
    <t>0150000199</t>
  </si>
  <si>
    <t>0150000200</t>
  </si>
  <si>
    <t>0150000201</t>
  </si>
  <si>
    <t>0150000202</t>
  </si>
  <si>
    <t>0150000203</t>
  </si>
  <si>
    <t>0150000204</t>
  </si>
  <si>
    <t>0150000205</t>
  </si>
  <si>
    <t>0150000206</t>
  </si>
  <si>
    <t>0150000207</t>
  </si>
  <si>
    <t>0150000208</t>
  </si>
  <si>
    <t>0150000209</t>
  </si>
  <si>
    <t>0150000210</t>
  </si>
  <si>
    <t>0150000211</t>
  </si>
  <si>
    <t>0150000212</t>
  </si>
  <si>
    <t>0150000213</t>
  </si>
  <si>
    <t>0150000214</t>
  </si>
  <si>
    <t>0150000215</t>
  </si>
  <si>
    <t>0150000216</t>
  </si>
  <si>
    <t>0150000217</t>
  </si>
  <si>
    <t>0150000218</t>
  </si>
  <si>
    <t>0150000219</t>
  </si>
  <si>
    <t>0150000220</t>
  </si>
  <si>
    <t>0150000221</t>
  </si>
  <si>
    <t>0150000222</t>
  </si>
  <si>
    <t>0150000223</t>
  </si>
  <si>
    <t>0150000224</t>
  </si>
  <si>
    <t>0150000225</t>
  </si>
  <si>
    <t>0150000226</t>
  </si>
  <si>
    <t>0150000227</t>
  </si>
  <si>
    <t>0150000228</t>
  </si>
  <si>
    <t>0150000230</t>
  </si>
  <si>
    <t>0150000231</t>
  </si>
  <si>
    <t>0150000232</t>
  </si>
  <si>
    <t>0150000233</t>
  </si>
  <si>
    <t>0150000234</t>
  </si>
  <si>
    <t>0150000235</t>
  </si>
  <si>
    <t>0150000236</t>
  </si>
  <si>
    <t>0150000237</t>
  </si>
  <si>
    <t>0150000238</t>
  </si>
  <si>
    <t>0150000239</t>
  </si>
  <si>
    <t>0150000240</t>
  </si>
  <si>
    <t>0150000241</t>
  </si>
  <si>
    <t>0150000242</t>
  </si>
  <si>
    <t>0150000243</t>
  </si>
  <si>
    <t>0150000244</t>
  </si>
  <si>
    <t>0150000245</t>
  </si>
  <si>
    <t>0150000246</t>
  </si>
  <si>
    <t>0150000247</t>
  </si>
  <si>
    <t>0150000248</t>
  </si>
  <si>
    <t>0150000249</t>
  </si>
  <si>
    <t>0150000250</t>
  </si>
  <si>
    <t>0150000251</t>
  </si>
  <si>
    <t>0150000252</t>
  </si>
  <si>
    <t>0150000253</t>
  </si>
  <si>
    <t>0150000254</t>
  </si>
  <si>
    <t>0150000255</t>
  </si>
  <si>
    <t>0150000256</t>
  </si>
  <si>
    <t>0150000257</t>
  </si>
  <si>
    <t>0150000258</t>
  </si>
  <si>
    <t>0150000259</t>
  </si>
  <si>
    <t>0150000260</t>
  </si>
  <si>
    <t>0150000261</t>
  </si>
  <si>
    <t>0150000262</t>
  </si>
  <si>
    <t>0150000263</t>
  </si>
  <si>
    <t>0150000264</t>
  </si>
  <si>
    <t>0150000265</t>
  </si>
  <si>
    <t>0150000266</t>
  </si>
  <si>
    <t>0150000267</t>
  </si>
  <si>
    <t>0150000268</t>
  </si>
  <si>
    <t>0150000269</t>
  </si>
  <si>
    <t>0150000270</t>
  </si>
  <si>
    <t>0150000271</t>
  </si>
  <si>
    <t>0150000272</t>
  </si>
  <si>
    <t>0150000273</t>
  </si>
  <si>
    <t>0150000274</t>
  </si>
  <si>
    <t>0150000275</t>
  </si>
  <si>
    <t>0150000276</t>
  </si>
  <si>
    <t>0150000277</t>
  </si>
  <si>
    <t>0150000278</t>
  </si>
  <si>
    <t>0150000279</t>
  </si>
  <si>
    <t>0150000280</t>
  </si>
  <si>
    <t>0150000281</t>
  </si>
  <si>
    <t>0150000282</t>
  </si>
  <si>
    <t>0150000283</t>
  </si>
  <si>
    <t>0150000284</t>
  </si>
  <si>
    <t>0150000285</t>
  </si>
  <si>
    <t>0150000286</t>
  </si>
  <si>
    <t>0150000287</t>
  </si>
  <si>
    <t>0150000288</t>
  </si>
  <si>
    <t>0150000289</t>
  </si>
  <si>
    <t>0150000290</t>
  </si>
  <si>
    <t>0150000291</t>
  </si>
  <si>
    <t>0150000292</t>
  </si>
  <si>
    <t>0150000293</t>
  </si>
  <si>
    <t>0150000294</t>
  </si>
  <si>
    <t>0150000295</t>
  </si>
  <si>
    <t>0150000296</t>
  </si>
  <si>
    <t>0150000297</t>
  </si>
  <si>
    <t>0150000298</t>
  </si>
  <si>
    <t>0150000299</t>
  </si>
  <si>
    <t>0150000300</t>
  </si>
  <si>
    <t>0150000301</t>
  </si>
  <si>
    <t>0150000302</t>
  </si>
  <si>
    <t>0150000303</t>
  </si>
  <si>
    <t>0150000304</t>
  </si>
  <si>
    <t>0150000305</t>
  </si>
  <si>
    <t>0150000306</t>
  </si>
  <si>
    <t>0150000307</t>
  </si>
  <si>
    <t>0150000308</t>
  </si>
  <si>
    <t>0150000309</t>
  </si>
  <si>
    <t>0150000310</t>
  </si>
  <si>
    <t>0150000311</t>
  </si>
  <si>
    <t>0150000312</t>
  </si>
  <si>
    <t>0150000313</t>
  </si>
  <si>
    <t>0150000314</t>
  </si>
  <si>
    <t>0150000315</t>
  </si>
  <si>
    <t>0150000316</t>
  </si>
  <si>
    <t>0150000317</t>
  </si>
  <si>
    <t>0150000318</t>
  </si>
  <si>
    <t>0150000319</t>
  </si>
  <si>
    <t>0150000320</t>
  </si>
  <si>
    <t>0150000321</t>
  </si>
  <si>
    <t>0150000322</t>
  </si>
  <si>
    <t>0150000323</t>
  </si>
  <si>
    <t>0150000324</t>
  </si>
  <si>
    <t>0150000325</t>
  </si>
  <si>
    <t>0150000328</t>
  </si>
  <si>
    <t>0150000329</t>
  </si>
  <si>
    <t>0150000330</t>
  </si>
  <si>
    <t>0150000331</t>
  </si>
  <si>
    <t>0150000332</t>
  </si>
  <si>
    <t>0150000333</t>
  </si>
  <si>
    <t>0150000334</t>
  </si>
  <si>
    <t>0150000335</t>
  </si>
  <si>
    <t>0150000336</t>
  </si>
  <si>
    <t>0150000337</t>
  </si>
  <si>
    <t>0150000338</t>
  </si>
  <si>
    <t>0150000339</t>
  </si>
  <si>
    <t>0150000340</t>
  </si>
  <si>
    <t>0150000341</t>
  </si>
  <si>
    <t>0150000342</t>
  </si>
  <si>
    <t>0150000343</t>
  </si>
  <si>
    <t>0150000344</t>
  </si>
  <si>
    <t>0150000345</t>
  </si>
  <si>
    <t>0150000346</t>
  </si>
  <si>
    <t>0150000347</t>
  </si>
  <si>
    <t>0150000348</t>
  </si>
  <si>
    <t>0150000349</t>
  </si>
  <si>
    <t>0150000350</t>
  </si>
  <si>
    <t>0150000351</t>
  </si>
  <si>
    <t>0150000352</t>
  </si>
  <si>
    <t>0150000353</t>
  </si>
  <si>
    <t>0150000354</t>
  </si>
  <si>
    <t>0150000355</t>
  </si>
  <si>
    <t>0150000356</t>
  </si>
  <si>
    <t>0150000357</t>
  </si>
  <si>
    <t>0150000358</t>
  </si>
  <si>
    <t>0150000359</t>
  </si>
  <si>
    <t>0150000360</t>
  </si>
  <si>
    <t>0150000361</t>
  </si>
  <si>
    <t>0150000362</t>
  </si>
  <si>
    <t>0150000363</t>
  </si>
  <si>
    <t>0150000364</t>
  </si>
  <si>
    <t>0150000365</t>
  </si>
  <si>
    <t>0150000366</t>
  </si>
  <si>
    <t>0150000367</t>
  </si>
  <si>
    <t>0150000368</t>
  </si>
  <si>
    <t>0150000369</t>
  </si>
  <si>
    <t>0150000370</t>
  </si>
  <si>
    <t>0150000371</t>
  </si>
  <si>
    <t>0150000372</t>
  </si>
  <si>
    <t>0150000373</t>
  </si>
  <si>
    <t>0150000374</t>
  </si>
  <si>
    <t>0150000375</t>
  </si>
  <si>
    <t>0150000376</t>
  </si>
  <si>
    <t>0150000377</t>
  </si>
  <si>
    <t>0150000379</t>
  </si>
  <si>
    <t>0150000380</t>
  </si>
  <si>
    <t>0150000381</t>
  </si>
  <si>
    <t>0150000382</t>
  </si>
  <si>
    <t>0150000384</t>
  </si>
  <si>
    <t>0150000385</t>
  </si>
  <si>
    <t>0150000386</t>
  </si>
  <si>
    <t>0150000387</t>
  </si>
  <si>
    <t>0150000388</t>
  </si>
  <si>
    <t>0150000389</t>
  </si>
  <si>
    <t>0150000390</t>
  </si>
  <si>
    <t>0150000391</t>
  </si>
  <si>
    <t>0150000392</t>
  </si>
  <si>
    <t>0150000393</t>
  </si>
  <si>
    <t>0150000394</t>
  </si>
  <si>
    <t>0150000395</t>
  </si>
  <si>
    <t>0150000396</t>
  </si>
  <si>
    <t>0150000397</t>
  </si>
  <si>
    <t>0150000398</t>
  </si>
  <si>
    <t>0150000399</t>
  </si>
  <si>
    <t>0150000400</t>
  </si>
  <si>
    <t>0150000401</t>
  </si>
  <si>
    <t>0150000402</t>
  </si>
  <si>
    <t>0150000403</t>
  </si>
  <si>
    <t>0150000404</t>
  </si>
  <si>
    <t>0150000405</t>
  </si>
  <si>
    <t>0150000406</t>
  </si>
  <si>
    <t>0150000407</t>
  </si>
  <si>
    <t>0150000408</t>
  </si>
  <si>
    <t>0150000409</t>
  </si>
  <si>
    <t>0150000410</t>
  </si>
  <si>
    <t>0150000411</t>
  </si>
  <si>
    <t>0150000412</t>
  </si>
  <si>
    <t>0150000413</t>
  </si>
  <si>
    <t>0150000414</t>
  </si>
  <si>
    <t>0150000415</t>
  </si>
  <si>
    <t>0150000416</t>
  </si>
  <si>
    <t>0150000417</t>
  </si>
  <si>
    <t>0150000418</t>
  </si>
  <si>
    <t>0150000419</t>
  </si>
  <si>
    <t>0150000420</t>
  </si>
  <si>
    <t>0150000421</t>
  </si>
  <si>
    <t>0150000422</t>
  </si>
  <si>
    <t>0150000423</t>
  </si>
  <si>
    <t>0150000424</t>
  </si>
  <si>
    <t>0150000425</t>
  </si>
  <si>
    <t>0150000426</t>
  </si>
  <si>
    <t>0150000427</t>
  </si>
  <si>
    <t>0150000428</t>
  </si>
  <si>
    <t>0150000429</t>
  </si>
  <si>
    <t>0150000430</t>
  </si>
  <si>
    <t>0150000431</t>
  </si>
  <si>
    <t>0150000432</t>
  </si>
  <si>
    <t>0150000433</t>
  </si>
  <si>
    <t>0150000434</t>
  </si>
  <si>
    <t>0150000435</t>
  </si>
  <si>
    <t>0150000436</t>
  </si>
  <si>
    <t>0150000437</t>
  </si>
  <si>
    <t>0150000438</t>
  </si>
  <si>
    <t>0150000439</t>
  </si>
  <si>
    <t>0150000440</t>
  </si>
  <si>
    <t>0150000441</t>
  </si>
  <si>
    <t>0150000442</t>
  </si>
  <si>
    <t>0150000443</t>
  </si>
  <si>
    <t>0150000444</t>
  </si>
  <si>
    <t>0150000445</t>
  </si>
  <si>
    <t>0150000446</t>
  </si>
  <si>
    <t>0150000447</t>
  </si>
  <si>
    <t>0150000448</t>
  </si>
  <si>
    <t>0150000449</t>
  </si>
  <si>
    <t>0150000450</t>
  </si>
  <si>
    <t>0150000451</t>
  </si>
  <si>
    <t>0150000452</t>
  </si>
  <si>
    <t>0150000453</t>
  </si>
  <si>
    <t>0150000454</t>
  </si>
  <si>
    <t>0150000455</t>
  </si>
  <si>
    <t>0150000456</t>
  </si>
  <si>
    <t>0150000457</t>
  </si>
  <si>
    <t>0150000458</t>
  </si>
  <si>
    <t>0150000459</t>
  </si>
  <si>
    <t>0150000460</t>
  </si>
  <si>
    <t>0150000461</t>
  </si>
  <si>
    <t>0150000462</t>
  </si>
  <si>
    <t>0150000463</t>
  </si>
  <si>
    <t>0150000464</t>
  </si>
  <si>
    <t>0150000465</t>
  </si>
  <si>
    <t>0150000466</t>
  </si>
  <si>
    <t>0150000467</t>
  </si>
  <si>
    <t>0150000468</t>
  </si>
  <si>
    <t>0150000469</t>
  </si>
  <si>
    <t>0150000470</t>
  </si>
  <si>
    <t>0150000471</t>
  </si>
  <si>
    <t>0150000472</t>
  </si>
  <si>
    <t>0150000473</t>
  </si>
  <si>
    <t>0150000474</t>
  </si>
  <si>
    <t>0150000475</t>
  </si>
  <si>
    <t>0150000476</t>
  </si>
  <si>
    <t>0150000477</t>
  </si>
  <si>
    <t>0150000478</t>
  </si>
  <si>
    <t>0150000479</t>
  </si>
  <si>
    <t>0150000480</t>
  </si>
  <si>
    <t>0150000481</t>
  </si>
  <si>
    <t>0150000482</t>
  </si>
  <si>
    <t>0150000483</t>
  </si>
  <si>
    <t>0150000484</t>
  </si>
  <si>
    <t>0150000485</t>
  </si>
  <si>
    <t>0150000486</t>
  </si>
  <si>
    <t>0150000487</t>
  </si>
  <si>
    <t>0150000488</t>
  </si>
  <si>
    <t>0150000489</t>
  </si>
  <si>
    <t>0150000490</t>
  </si>
  <si>
    <t>0150000491</t>
  </si>
  <si>
    <t>0150000492</t>
  </si>
  <si>
    <t>0150000493</t>
  </si>
  <si>
    <t>0150000494</t>
  </si>
  <si>
    <t>0150000495</t>
  </si>
  <si>
    <t>0150000496</t>
  </si>
  <si>
    <t>0150000497</t>
  </si>
  <si>
    <t>0150000498</t>
  </si>
  <si>
    <t>0150000499</t>
  </si>
  <si>
    <t>0250000500</t>
  </si>
  <si>
    <t>0250000501</t>
  </si>
  <si>
    <t>0250000502</t>
  </si>
  <si>
    <t>0250000503</t>
  </si>
  <si>
    <t>0250000504</t>
  </si>
  <si>
    <t>0250000505</t>
  </si>
  <si>
    <t>0250000506</t>
  </si>
  <si>
    <t>0250000507</t>
  </si>
  <si>
    <t>0250000508</t>
  </si>
  <si>
    <t>0250000509</t>
  </si>
  <si>
    <t>0250000510</t>
  </si>
  <si>
    <t>0250000511</t>
  </si>
  <si>
    <t>0250000512</t>
  </si>
  <si>
    <t>0250000513</t>
  </si>
  <si>
    <t>0250000514</t>
  </si>
  <si>
    <t>0250000515</t>
  </si>
  <si>
    <t>0250000516</t>
  </si>
  <si>
    <t>0250000517</t>
  </si>
  <si>
    <t>0250000518</t>
  </si>
  <si>
    <t>0250000519</t>
  </si>
  <si>
    <t>0250000520</t>
  </si>
  <si>
    <t>0250000521</t>
  </si>
  <si>
    <t>0250000522</t>
  </si>
  <si>
    <t>0250000523</t>
  </si>
  <si>
    <t>0250000524</t>
  </si>
  <si>
    <t>0250000525</t>
  </si>
  <si>
    <t>0250000526</t>
  </si>
  <si>
    <t>0250000527</t>
  </si>
  <si>
    <t>0250000528</t>
  </si>
  <si>
    <t>0250000529</t>
  </si>
  <si>
    <t>0250000530</t>
  </si>
  <si>
    <t>0250000531</t>
  </si>
  <si>
    <t>0250000532</t>
  </si>
  <si>
    <t>0250000533</t>
  </si>
  <si>
    <t>0250000534</t>
  </si>
  <si>
    <t>0250000535</t>
  </si>
  <si>
    <t>0250000536</t>
  </si>
  <si>
    <t>0250000537</t>
  </si>
  <si>
    <t>0250000538</t>
  </si>
  <si>
    <t>0250000539</t>
  </si>
  <si>
    <t>0250000540</t>
  </si>
  <si>
    <t>0250000541</t>
  </si>
  <si>
    <t>0250000542</t>
  </si>
  <si>
    <t>0250000543</t>
  </si>
  <si>
    <t>0250000544</t>
  </si>
  <si>
    <t>0250000545</t>
  </si>
  <si>
    <t>0250000546</t>
  </si>
  <si>
    <t>0250000547</t>
  </si>
  <si>
    <t>0250000548</t>
  </si>
  <si>
    <t>0250000549</t>
  </si>
  <si>
    <t>0250000550</t>
  </si>
  <si>
    <t>0250000551</t>
  </si>
  <si>
    <t>0250000552</t>
  </si>
  <si>
    <t>0250000553</t>
  </si>
  <si>
    <t>0250000554</t>
  </si>
  <si>
    <t>0250000555</t>
  </si>
  <si>
    <t>0250000556</t>
  </si>
  <si>
    <t>0250000557</t>
  </si>
  <si>
    <t>0250000558</t>
  </si>
  <si>
    <t>0250000559</t>
  </si>
  <si>
    <t>0250000560</t>
  </si>
  <si>
    <t>0250000561</t>
  </si>
  <si>
    <t>0250000562</t>
  </si>
  <si>
    <t>0250000563</t>
  </si>
  <si>
    <t>0250000564</t>
  </si>
  <si>
    <t>0250000565</t>
  </si>
  <si>
    <t>0250000566</t>
  </si>
  <si>
    <t>0250000567</t>
  </si>
  <si>
    <t>0250000568</t>
  </si>
  <si>
    <t>0250000569</t>
  </si>
  <si>
    <t>0250000570</t>
  </si>
  <si>
    <t>0250000571</t>
  </si>
  <si>
    <t>0250000572</t>
  </si>
  <si>
    <t>0250000573</t>
  </si>
  <si>
    <t>0250000574</t>
  </si>
  <si>
    <t>0250000575</t>
  </si>
  <si>
    <t>0250000576</t>
  </si>
  <si>
    <t>0250000577</t>
  </si>
  <si>
    <t>0250000578</t>
  </si>
  <si>
    <t>0250000579</t>
  </si>
  <si>
    <t>0250000580</t>
  </si>
  <si>
    <t>0250000581</t>
  </si>
  <si>
    <t>0250000582</t>
  </si>
  <si>
    <t>0250000583</t>
  </si>
  <si>
    <t>0250000584</t>
  </si>
  <si>
    <t>0250000585</t>
  </si>
  <si>
    <t>0250000586</t>
  </si>
  <si>
    <t>0250000587</t>
  </si>
  <si>
    <t>0250000588</t>
  </si>
  <si>
    <t>0250000589</t>
  </si>
  <si>
    <t>0250000590</t>
  </si>
  <si>
    <t>0250000591</t>
  </si>
  <si>
    <t>0250000592</t>
  </si>
  <si>
    <t>0250000593</t>
  </si>
  <si>
    <t>0250000594</t>
  </si>
  <si>
    <t>0250000595</t>
  </si>
  <si>
    <t>0250000596</t>
  </si>
  <si>
    <t>0250000597</t>
  </si>
  <si>
    <t>0250000598</t>
  </si>
  <si>
    <t>0250000599</t>
  </si>
  <si>
    <t>0250000600</t>
  </si>
  <si>
    <t>0250000601</t>
  </si>
  <si>
    <t>0250000602</t>
  </si>
  <si>
    <t>0250000603</t>
  </si>
  <si>
    <t>0250000604</t>
  </si>
  <si>
    <t>0250000605</t>
  </si>
  <si>
    <t>0250000606</t>
  </si>
  <si>
    <t>0250000607</t>
  </si>
  <si>
    <t>0250000608</t>
  </si>
  <si>
    <t>0250000609</t>
  </si>
  <si>
    <t>0250000610</t>
  </si>
  <si>
    <t>0250000611</t>
  </si>
  <si>
    <t>0250000612</t>
  </si>
  <si>
    <t>0250000613</t>
  </si>
  <si>
    <t>0250000614</t>
  </si>
  <si>
    <t>0250000615</t>
  </si>
  <si>
    <t>0250000616</t>
  </si>
  <si>
    <t>0250000617</t>
  </si>
  <si>
    <t>0250000618</t>
  </si>
  <si>
    <t>0250000619</t>
  </si>
  <si>
    <t>0250000620</t>
  </si>
  <si>
    <t>0250000621</t>
  </si>
  <si>
    <t>0250000622</t>
  </si>
  <si>
    <t>0250000623</t>
  </si>
  <si>
    <t>0250000624</t>
  </si>
  <si>
    <t>0250000625</t>
  </si>
  <si>
    <t>0250000626</t>
  </si>
  <si>
    <t>0250000627</t>
  </si>
  <si>
    <t>0250000628</t>
  </si>
  <si>
    <t>0250000629</t>
  </si>
  <si>
    <t>0250000630</t>
  </si>
  <si>
    <t>0250000631</t>
  </si>
  <si>
    <t>0250000632</t>
  </si>
  <si>
    <t>0250000633</t>
  </si>
  <si>
    <t>0250000634</t>
  </si>
  <si>
    <t>0250000635</t>
  </si>
  <si>
    <t>0250000636</t>
  </si>
  <si>
    <t>0250000637</t>
  </si>
  <si>
    <t>0250000638</t>
  </si>
  <si>
    <t>0250000639</t>
  </si>
  <si>
    <t>0250000640</t>
  </si>
  <si>
    <t>0250000641</t>
  </si>
  <si>
    <t>0250000642</t>
  </si>
  <si>
    <t>0250000643</t>
  </si>
  <si>
    <t>0250000644</t>
  </si>
  <si>
    <t>0250000645</t>
  </si>
  <si>
    <t>0250000646</t>
  </si>
  <si>
    <t>0250000647</t>
  </si>
  <si>
    <t>0250000648</t>
  </si>
  <si>
    <t>0250000649</t>
  </si>
  <si>
    <t>0250000650</t>
  </si>
  <si>
    <t>0250000651</t>
  </si>
  <si>
    <t>0250000652</t>
  </si>
  <si>
    <t>0250000653</t>
  </si>
  <si>
    <t>0250000654</t>
  </si>
  <si>
    <t>0250000655</t>
  </si>
  <si>
    <t>0250000656</t>
  </si>
  <si>
    <t>0250000657</t>
  </si>
  <si>
    <t>0250000658</t>
  </si>
  <si>
    <t>0250000659</t>
  </si>
  <si>
    <t>0250000660</t>
  </si>
  <si>
    <t>0250000661</t>
  </si>
  <si>
    <t>0250000662</t>
  </si>
  <si>
    <t>0250000663</t>
  </si>
  <si>
    <t>0250000664</t>
  </si>
  <si>
    <t>0250000665</t>
  </si>
  <si>
    <t>0250000666</t>
  </si>
  <si>
    <t>0250000667</t>
  </si>
  <si>
    <t>0250000668</t>
  </si>
  <si>
    <t>0250000669</t>
  </si>
  <si>
    <t>0350000672</t>
  </si>
  <si>
    <t>0350000673</t>
  </si>
  <si>
    <t>0350000674</t>
  </si>
  <si>
    <t>0350000695</t>
  </si>
  <si>
    <t>0350000743</t>
  </si>
  <si>
    <t>0350000750</t>
  </si>
  <si>
    <t>0350000766</t>
  </si>
  <si>
    <t>0450000779</t>
  </si>
  <si>
    <t>0450000780</t>
  </si>
  <si>
    <t>0450000781</t>
  </si>
  <si>
    <t>0450000782</t>
  </si>
  <si>
    <t>0450000783</t>
  </si>
  <si>
    <t>0450000784</t>
  </si>
  <si>
    <t>0450000785</t>
  </si>
  <si>
    <t>0450000786</t>
  </si>
  <si>
    <t>0450000787</t>
  </si>
  <si>
    <t>0450000788</t>
  </si>
  <si>
    <t>0450000789</t>
  </si>
  <si>
    <t>0450000790</t>
  </si>
  <si>
    <t>0450000791</t>
  </si>
  <si>
    <t>0450000792</t>
  </si>
  <si>
    <t>0450000793</t>
  </si>
  <si>
    <t>0450000794</t>
  </si>
  <si>
    <t>0450000795</t>
  </si>
  <si>
    <t>0450000796</t>
  </si>
  <si>
    <t>0450000797</t>
  </si>
  <si>
    <t>0450000798</t>
  </si>
  <si>
    <t>0450000799</t>
  </si>
  <si>
    <t>0450000800</t>
  </si>
  <si>
    <t>0450000801</t>
  </si>
  <si>
    <t>0450000802</t>
  </si>
  <si>
    <t>0450000803</t>
  </si>
  <si>
    <t>0450000804</t>
  </si>
  <si>
    <t>0450000805</t>
  </si>
  <si>
    <t>0450000806</t>
  </si>
  <si>
    <t>0450000807</t>
  </si>
  <si>
    <t>0450000808</t>
  </si>
  <si>
    <t>0450000809</t>
  </si>
  <si>
    <t>0450000810</t>
  </si>
  <si>
    <t>0450000811</t>
  </si>
  <si>
    <t>0450000812</t>
  </si>
  <si>
    <t>0450000813</t>
  </si>
  <si>
    <t>0450000814</t>
  </si>
  <si>
    <t>0450000815</t>
  </si>
  <si>
    <t>0450000816</t>
  </si>
  <si>
    <t>0450000817</t>
  </si>
  <si>
    <t>0450000818</t>
  </si>
  <si>
    <t>0450000819</t>
  </si>
  <si>
    <t>0450000820</t>
  </si>
  <si>
    <t>0450000821</t>
  </si>
  <si>
    <t>0450000822</t>
  </si>
  <si>
    <t>0450000823</t>
  </si>
  <si>
    <t>0450000824</t>
  </si>
  <si>
    <t>0450000825</t>
  </si>
  <si>
    <t>0450000826</t>
  </si>
  <si>
    <t>0450000827</t>
  </si>
  <si>
    <t>0450000828</t>
  </si>
  <si>
    <t>0450000829</t>
  </si>
  <si>
    <t>0450000830</t>
  </si>
  <si>
    <t>0450000831</t>
  </si>
  <si>
    <t>0450000832</t>
  </si>
  <si>
    <t>0450000833</t>
  </si>
  <si>
    <t>0450000834</t>
  </si>
  <si>
    <t>0450000835</t>
  </si>
  <si>
    <t>0450000836</t>
  </si>
  <si>
    <t>0450000837</t>
  </si>
  <si>
    <t>0450000838</t>
  </si>
  <si>
    <t>0450000839</t>
  </si>
  <si>
    <t>0450000840</t>
  </si>
  <si>
    <t>0450000841</t>
  </si>
  <si>
    <t>0450000842</t>
  </si>
  <si>
    <t>0450000843</t>
  </si>
  <si>
    <t>0450000844</t>
  </si>
  <si>
    <t>0450000845</t>
  </si>
  <si>
    <t>0450000846</t>
  </si>
  <si>
    <t>0450000847</t>
  </si>
  <si>
    <t>0450000848</t>
  </si>
  <si>
    <t>0550000849</t>
  </si>
  <si>
    <t>0550000850</t>
  </si>
  <si>
    <t>0550000851</t>
  </si>
  <si>
    <t>0550000852</t>
  </si>
  <si>
    <t>0550000853</t>
  </si>
  <si>
    <t>0550000854</t>
  </si>
  <si>
    <t>0550000855</t>
  </si>
  <si>
    <t>0550000856</t>
  </si>
  <si>
    <t>0550000857</t>
  </si>
  <si>
    <t>0550000858</t>
  </si>
  <si>
    <t>0550000859</t>
  </si>
  <si>
    <t>0550000860</t>
  </si>
  <si>
    <t>0550000861</t>
  </si>
  <si>
    <t>0550000862</t>
  </si>
  <si>
    <t>0550000863</t>
  </si>
  <si>
    <t>0550000864</t>
  </si>
  <si>
    <t>0550000865</t>
  </si>
  <si>
    <t>0550000866</t>
  </si>
  <si>
    <t>0550000867</t>
  </si>
  <si>
    <t>0550000868</t>
  </si>
  <si>
    <t>0550000869</t>
  </si>
  <si>
    <t>0550000870</t>
  </si>
  <si>
    <t>0550000871</t>
  </si>
  <si>
    <t>0550000872</t>
  </si>
  <si>
    <t>0550000873</t>
  </si>
  <si>
    <t>0550000874</t>
  </si>
  <si>
    <t>0550000875</t>
  </si>
  <si>
    <t>0550000876</t>
  </si>
  <si>
    <t>0550000877</t>
  </si>
  <si>
    <t>0550000878</t>
  </si>
  <si>
    <t>0550000879</t>
  </si>
  <si>
    <t>0550000880</t>
  </si>
  <si>
    <t>0550000881</t>
  </si>
  <si>
    <t>0550000882</t>
  </si>
  <si>
    <t>0550000883</t>
  </si>
  <si>
    <t>0550000884</t>
  </si>
  <si>
    <t>0550000885</t>
  </si>
  <si>
    <t>0550000886</t>
  </si>
  <si>
    <t>0550000887</t>
  </si>
  <si>
    <t>0550000888</t>
  </si>
  <si>
    <t>0550000889</t>
  </si>
  <si>
    <t>0550000890</t>
  </si>
  <si>
    <t>0550000891</t>
  </si>
  <si>
    <t>0550000892</t>
  </si>
  <si>
    <t>0550000893</t>
  </si>
  <si>
    <t>0850000973</t>
  </si>
  <si>
    <t>0850000974</t>
  </si>
  <si>
    <t>0850000975</t>
  </si>
  <si>
    <t>0850000976</t>
  </si>
  <si>
    <t>0850000977</t>
  </si>
  <si>
    <t>0850000978</t>
  </si>
  <si>
    <t>0850000979</t>
  </si>
  <si>
    <t>0850000980</t>
  </si>
  <si>
    <t>0850000981</t>
  </si>
  <si>
    <t>0850000982</t>
  </si>
  <si>
    <t>0850000983</t>
  </si>
  <si>
    <t>0850000984</t>
  </si>
  <si>
    <t>0850000985</t>
  </si>
  <si>
    <t>0850000986</t>
  </si>
  <si>
    <t>0850000987</t>
  </si>
  <si>
    <t>0850000988</t>
  </si>
  <si>
    <t>0850000989</t>
  </si>
  <si>
    <t>0850000990</t>
  </si>
  <si>
    <t>0850000991</t>
  </si>
  <si>
    <t>0850000992</t>
  </si>
  <si>
    <t>0850000994</t>
  </si>
  <si>
    <t>0850000995</t>
  </si>
  <si>
    <t>0850000996</t>
  </si>
  <si>
    <t>0850000997</t>
  </si>
  <si>
    <t>0850000998</t>
  </si>
  <si>
    <t>0850000999</t>
  </si>
  <si>
    <t>0850001000</t>
  </si>
  <si>
    <t>0850001001</t>
  </si>
  <si>
    <t>0850001002</t>
  </si>
  <si>
    <t>0850001003</t>
  </si>
  <si>
    <t>0850001004</t>
  </si>
  <si>
    <t>0850001005</t>
  </si>
  <si>
    <t>0850001006</t>
  </si>
  <si>
    <t>0850001008</t>
  </si>
  <si>
    <t>1050001041</t>
  </si>
  <si>
    <t>1050001042</t>
  </si>
  <si>
    <t>1050001043</t>
  </si>
  <si>
    <t>1050001044</t>
  </si>
  <si>
    <t>1050001045</t>
  </si>
  <si>
    <t>1050001046</t>
  </si>
  <si>
    <t>1050001047</t>
  </si>
  <si>
    <t>1050001048</t>
  </si>
  <si>
    <t>1350001083</t>
  </si>
  <si>
    <t>1350001093</t>
  </si>
  <si>
    <t>1350001104</t>
  </si>
  <si>
    <t>1450001118</t>
  </si>
  <si>
    <t>1450001119</t>
  </si>
  <si>
    <t>1450001120</t>
  </si>
  <si>
    <t>1450001121</t>
  </si>
  <si>
    <t>1450001122</t>
  </si>
  <si>
    <t>1450001123</t>
  </si>
  <si>
    <t>1450001124</t>
  </si>
  <si>
    <t>1450001125</t>
  </si>
  <si>
    <t>1450001126</t>
  </si>
  <si>
    <t>1450001127</t>
  </si>
  <si>
    <t>1450001128</t>
  </si>
  <si>
    <t>1450001129</t>
  </si>
  <si>
    <t>1450001130</t>
  </si>
  <si>
    <t>1450001131</t>
  </si>
  <si>
    <t>1450001132</t>
  </si>
  <si>
    <t>1450001133</t>
  </si>
  <si>
    <t>1450001134</t>
  </si>
  <si>
    <t>1450001135</t>
  </si>
  <si>
    <t>1450001136</t>
  </si>
  <si>
    <t>1450001137</t>
  </si>
  <si>
    <t>1450001138</t>
  </si>
  <si>
    <t>1450001139</t>
  </si>
  <si>
    <t>1450001140</t>
  </si>
  <si>
    <t>1450001141</t>
  </si>
  <si>
    <t>1450001142</t>
  </si>
  <si>
    <t>1450001143</t>
  </si>
  <si>
    <t>1450001144</t>
  </si>
  <si>
    <t>1450001145</t>
  </si>
  <si>
    <t>1650001160</t>
  </si>
  <si>
    <t>1650001161</t>
  </si>
  <si>
    <t>1650001162</t>
  </si>
  <si>
    <t>1650001163</t>
  </si>
  <si>
    <t>1650001164</t>
  </si>
  <si>
    <t>1650001165</t>
  </si>
  <si>
    <t>1650001166</t>
  </si>
  <si>
    <t>1650001167</t>
  </si>
  <si>
    <t>1650001168</t>
  </si>
  <si>
    <t>1650001169</t>
  </si>
  <si>
    <t>1650001170</t>
  </si>
  <si>
    <t>1650001171</t>
  </si>
  <si>
    <t>1650001172</t>
  </si>
  <si>
    <t>1650001173</t>
  </si>
  <si>
    <t>1650001174</t>
  </si>
  <si>
    <t>1650001175</t>
  </si>
  <si>
    <t>1650001176</t>
  </si>
  <si>
    <t>1650001177</t>
  </si>
  <si>
    <t>1650001178</t>
  </si>
  <si>
    <t>1750001179</t>
  </si>
  <si>
    <t>1750001180</t>
  </si>
  <si>
    <t>1750001181</t>
  </si>
  <si>
    <t>1750001182</t>
  </si>
  <si>
    <t>1750001183</t>
  </si>
  <si>
    <t>1750001184</t>
  </si>
  <si>
    <t>1750001185</t>
  </si>
  <si>
    <t>1750001186</t>
  </si>
  <si>
    <t>1750001187</t>
  </si>
  <si>
    <t>1750001188</t>
  </si>
  <si>
    <t>1750001189</t>
  </si>
  <si>
    <t>1750001190</t>
  </si>
  <si>
    <t>1750001191</t>
  </si>
  <si>
    <t>1750001192</t>
  </si>
  <si>
    <t>1750001193</t>
  </si>
  <si>
    <t>1750001194</t>
  </si>
  <si>
    <t>1750001195</t>
  </si>
  <si>
    <t>1850001197</t>
  </si>
  <si>
    <t>1850001198</t>
  </si>
  <si>
    <t>1850001199</t>
  </si>
  <si>
    <t>1850001200</t>
  </si>
  <si>
    <t>1850001201</t>
  </si>
  <si>
    <t>1850001202</t>
  </si>
  <si>
    <t>1850001203</t>
  </si>
  <si>
    <t>1850001204</t>
  </si>
  <si>
    <t>2150001226</t>
  </si>
  <si>
    <t>2150001227</t>
  </si>
  <si>
    <t>2150001228</t>
  </si>
  <si>
    <t>2150001229</t>
  </si>
  <si>
    <t>2150001230</t>
  </si>
  <si>
    <t>2150001231</t>
  </si>
  <si>
    <t>2150001232</t>
  </si>
  <si>
    <t>2150001233</t>
  </si>
  <si>
    <t>2250001239</t>
  </si>
  <si>
    <t>2450001245</t>
  </si>
  <si>
    <t>2450001246</t>
  </si>
  <si>
    <t>2450001247</t>
  </si>
  <si>
    <t>2550001248</t>
  </si>
  <si>
    <t>2550001249</t>
  </si>
  <si>
    <t>2550001250</t>
  </si>
  <si>
    <t>2550001251</t>
  </si>
  <si>
    <t>2650001252</t>
  </si>
  <si>
    <t>2650001253</t>
  </si>
  <si>
    <t>2650001254</t>
  </si>
  <si>
    <t>2850001259</t>
  </si>
  <si>
    <t>2850001260</t>
  </si>
  <si>
    <t>2850001261</t>
  </si>
  <si>
    <t>3150001268</t>
  </si>
  <si>
    <t>3150001269</t>
  </si>
  <si>
    <t>3150001270</t>
  </si>
  <si>
    <t>3150001271</t>
  </si>
  <si>
    <t>3250001272</t>
  </si>
  <si>
    <t>3250001273</t>
  </si>
  <si>
    <t>3250001274</t>
  </si>
  <si>
    <t>3250001275</t>
  </si>
  <si>
    <t>3250001276</t>
  </si>
  <si>
    <t>3250001277</t>
  </si>
  <si>
    <t>3250001278</t>
  </si>
  <si>
    <t>3250001279</t>
  </si>
  <si>
    <t>3250001280</t>
  </si>
  <si>
    <t>3350001281</t>
  </si>
  <si>
    <t>3350001282</t>
  </si>
  <si>
    <t>3350001283</t>
  </si>
  <si>
    <t>3350001284</t>
  </si>
  <si>
    <t>0050001285</t>
  </si>
  <si>
    <t>0050001286</t>
  </si>
  <si>
    <t>0050001287</t>
  </si>
  <si>
    <t>0050001288</t>
  </si>
  <si>
    <t>0050001289</t>
  </si>
  <si>
    <t>0050001290</t>
  </si>
  <si>
    <t>0050001291</t>
  </si>
  <si>
    <t>0050001292</t>
  </si>
  <si>
    <t>0050001293</t>
  </si>
  <si>
    <t>0050001294</t>
  </si>
  <si>
    <t>0050001295</t>
  </si>
  <si>
    <t>0050001296</t>
  </si>
  <si>
    <t>0050001297</t>
  </si>
  <si>
    <t>0050001298</t>
  </si>
  <si>
    <t>0050001299</t>
  </si>
  <si>
    <t>0050001300</t>
  </si>
  <si>
    <t>0050001301</t>
  </si>
  <si>
    <t>0050001302</t>
  </si>
  <si>
    <t>0050001303</t>
  </si>
  <si>
    <t>0050001304</t>
  </si>
  <si>
    <t>0050001305</t>
  </si>
  <si>
    <t>0050001306</t>
  </si>
  <si>
    <t>0050001308</t>
  </si>
  <si>
    <t>0050001309</t>
  </si>
  <si>
    <t>0050001310</t>
  </si>
  <si>
    <t>0050001311</t>
  </si>
  <si>
    <t>0050001312</t>
  </si>
  <si>
    <t>0050001313</t>
  </si>
  <si>
    <t>0050001314</t>
  </si>
  <si>
    <t>0050001315</t>
  </si>
  <si>
    <t>0050001316</t>
  </si>
  <si>
    <t>0050001317</t>
  </si>
  <si>
    <t>0050001318</t>
  </si>
  <si>
    <t>0050001319</t>
  </si>
  <si>
    <t>0050001320</t>
  </si>
  <si>
    <t>0050001321</t>
  </si>
  <si>
    <t>0050001322</t>
  </si>
  <si>
    <t>0050001323</t>
  </si>
  <si>
    <t>0050001324</t>
  </si>
  <si>
    <t>0050001325</t>
  </si>
  <si>
    <t>0050001326</t>
  </si>
  <si>
    <t>0050001327</t>
  </si>
  <si>
    <t>0050001328</t>
  </si>
  <si>
    <t>0050001329</t>
  </si>
  <si>
    <t>0050001330</t>
  </si>
  <si>
    <t>0050001333</t>
  </si>
  <si>
    <t>0050001334</t>
  </si>
  <si>
    <t>0050001335</t>
  </si>
  <si>
    <t>0050001336</t>
  </si>
  <si>
    <t>0050001337</t>
  </si>
  <si>
    <t>0050001338</t>
  </si>
  <si>
    <t>0050001339</t>
  </si>
  <si>
    <t>0050001340</t>
  </si>
  <si>
    <t>0050001341</t>
  </si>
  <si>
    <t>0050001342</t>
  </si>
  <si>
    <t>0050001343</t>
  </si>
  <si>
    <t>0050001344</t>
  </si>
  <si>
    <t>0050001345</t>
  </si>
  <si>
    <t>0050001346</t>
  </si>
  <si>
    <t>0050001347</t>
  </si>
  <si>
    <t>0050001348</t>
  </si>
  <si>
    <t>0050001351</t>
  </si>
  <si>
    <t>0050001352</t>
  </si>
  <si>
    <t>0050001353</t>
  </si>
  <si>
    <t>0050001354</t>
  </si>
  <si>
    <t>0050001355</t>
  </si>
  <si>
    <t>0050001356</t>
  </si>
  <si>
    <t>0050001357</t>
  </si>
  <si>
    <t>0050001358</t>
  </si>
  <si>
    <t>0050001359</t>
  </si>
  <si>
    <t>0050001361</t>
  </si>
  <si>
    <t>0050001362</t>
  </si>
  <si>
    <t>0050001363</t>
  </si>
  <si>
    <t>0050001364</t>
  </si>
  <si>
    <t>0050001365</t>
  </si>
  <si>
    <t>0050001366</t>
  </si>
  <si>
    <t>0050001368</t>
  </si>
  <si>
    <t>0050001369</t>
  </si>
  <si>
    <t>0050001370</t>
  </si>
  <si>
    <t>0050001371</t>
  </si>
  <si>
    <t>0050001372</t>
  </si>
  <si>
    <t>0050001374</t>
  </si>
  <si>
    <t>0050001375</t>
  </si>
  <si>
    <t>0050001376</t>
  </si>
  <si>
    <t>0050001377</t>
  </si>
  <si>
    <t>0050001378</t>
  </si>
  <si>
    <t>0050001379</t>
  </si>
  <si>
    <t>0050001380</t>
  </si>
  <si>
    <t>0050001381</t>
  </si>
  <si>
    <t>0050001382</t>
  </si>
  <si>
    <t>0050001383</t>
  </si>
  <si>
    <t>0050001384</t>
  </si>
  <si>
    <t>0050001385</t>
  </si>
  <si>
    <t>0050001386</t>
  </si>
  <si>
    <t>0050001387</t>
  </si>
  <si>
    <t>0050001388</t>
  </si>
  <si>
    <t>0050001389</t>
  </si>
  <si>
    <t>0050001390</t>
  </si>
  <si>
    <t>0050001391</t>
  </si>
  <si>
    <t>0050001392</t>
  </si>
  <si>
    <t>0050001395</t>
  </si>
  <si>
    <t>0050001396</t>
  </si>
  <si>
    <t>0050001397</t>
  </si>
  <si>
    <t>0050001398</t>
  </si>
  <si>
    <t>0050001399</t>
  </si>
  <si>
    <t>0050001400</t>
  </si>
  <si>
    <t>0050001401</t>
  </si>
  <si>
    <t>0050001402</t>
  </si>
  <si>
    <t>0050001403</t>
  </si>
  <si>
    <t>0050001404</t>
  </si>
  <si>
    <t>0050001405</t>
  </si>
  <si>
    <t>0050001406</t>
  </si>
  <si>
    <t>0050001407</t>
  </si>
  <si>
    <t>0050001408</t>
  </si>
  <si>
    <t>0050001409</t>
  </si>
  <si>
    <t>0050001410</t>
  </si>
  <si>
    <t>0050001411</t>
  </si>
  <si>
    <t>0050001412</t>
  </si>
  <si>
    <t>0050001413</t>
  </si>
  <si>
    <t>0050001414</t>
  </si>
  <si>
    <t>0050001415</t>
  </si>
  <si>
    <t>0050001416</t>
  </si>
  <si>
    <t>0050001417</t>
  </si>
  <si>
    <t>0050001418</t>
  </si>
  <si>
    <t>0050001419</t>
  </si>
  <si>
    <t>0050001420</t>
  </si>
  <si>
    <t>0050001421</t>
  </si>
  <si>
    <t>0050001422</t>
  </si>
  <si>
    <t>0050001423</t>
  </si>
  <si>
    <t>0050001424</t>
  </si>
  <si>
    <t>0050001425</t>
  </si>
  <si>
    <t>0050001426</t>
  </si>
  <si>
    <t>0050001427</t>
  </si>
  <si>
    <t>0050001428</t>
  </si>
  <si>
    <t>0350000670</t>
    <phoneticPr fontId="18"/>
  </si>
  <si>
    <t>0350000676</t>
    <phoneticPr fontId="18"/>
  </si>
  <si>
    <t>0350000683</t>
    <phoneticPr fontId="18"/>
  </si>
  <si>
    <t>0350000692</t>
    <phoneticPr fontId="18"/>
  </si>
  <si>
    <t>0350000698</t>
    <phoneticPr fontId="18"/>
  </si>
  <si>
    <t>0350000703</t>
    <phoneticPr fontId="18"/>
  </si>
  <si>
    <t>0350000704</t>
    <phoneticPr fontId="18"/>
  </si>
  <si>
    <t>0350000708</t>
    <phoneticPr fontId="18"/>
  </si>
  <si>
    <t>0350000710</t>
    <phoneticPr fontId="18"/>
  </si>
  <si>
    <t>0350000711</t>
    <phoneticPr fontId="18"/>
  </si>
  <si>
    <t>0350000712</t>
    <phoneticPr fontId="18"/>
  </si>
  <si>
    <t>0350000714</t>
    <phoneticPr fontId="18"/>
  </si>
  <si>
    <t>0350000717</t>
    <phoneticPr fontId="18"/>
  </si>
  <si>
    <t>0350000724</t>
    <phoneticPr fontId="18"/>
  </si>
  <si>
    <t>0350000729</t>
    <phoneticPr fontId="18"/>
  </si>
  <si>
    <t>0350000736</t>
    <phoneticPr fontId="18"/>
  </si>
  <si>
    <t>0350000744</t>
    <phoneticPr fontId="18"/>
  </si>
  <si>
    <t>0350000755</t>
    <phoneticPr fontId="18"/>
  </si>
  <si>
    <t>0350000761</t>
    <phoneticPr fontId="18"/>
  </si>
  <si>
    <t>0350000764</t>
    <phoneticPr fontId="18"/>
  </si>
  <si>
    <t>0350000770</t>
    <phoneticPr fontId="18"/>
  </si>
  <si>
    <t>0350000772</t>
    <phoneticPr fontId="18"/>
  </si>
  <si>
    <t>0350000778</t>
    <phoneticPr fontId="18"/>
  </si>
  <si>
    <t>0350000753</t>
    <phoneticPr fontId="18"/>
  </si>
  <si>
    <t>0650000895</t>
    <phoneticPr fontId="18"/>
  </si>
  <si>
    <t>0650000896</t>
    <phoneticPr fontId="18"/>
  </si>
  <si>
    <t>0650000897</t>
    <phoneticPr fontId="18"/>
  </si>
  <si>
    <t>0650000898</t>
    <phoneticPr fontId="18"/>
  </si>
  <si>
    <t>0650000899</t>
    <phoneticPr fontId="18"/>
  </si>
  <si>
    <t>0650000900</t>
    <phoneticPr fontId="18"/>
  </si>
  <si>
    <t>0650000902</t>
    <phoneticPr fontId="18"/>
  </si>
  <si>
    <t>0650000903</t>
    <phoneticPr fontId="18"/>
  </si>
  <si>
    <t>0650000904</t>
    <phoneticPr fontId="18"/>
  </si>
  <si>
    <t>0650000905</t>
    <phoneticPr fontId="18"/>
  </si>
  <si>
    <t>0650000906</t>
    <phoneticPr fontId="18"/>
  </si>
  <si>
    <t>0650000907</t>
    <phoneticPr fontId="18"/>
  </si>
  <si>
    <t>0650000908</t>
    <phoneticPr fontId="18"/>
  </si>
  <si>
    <t>0650000909</t>
    <phoneticPr fontId="18"/>
  </si>
  <si>
    <t>0650000910</t>
    <phoneticPr fontId="18"/>
  </si>
  <si>
    <t>0650000911</t>
    <phoneticPr fontId="18"/>
  </si>
  <si>
    <t>0650000912</t>
    <phoneticPr fontId="18"/>
  </si>
  <si>
    <t>0650000913</t>
    <phoneticPr fontId="18"/>
  </si>
  <si>
    <t>0650000914</t>
    <phoneticPr fontId="18"/>
  </si>
  <si>
    <t>0650000915</t>
    <phoneticPr fontId="18"/>
  </si>
  <si>
    <t>0650000916</t>
    <phoneticPr fontId="18"/>
  </si>
  <si>
    <t>0650000917</t>
    <phoneticPr fontId="18"/>
  </si>
  <si>
    <t>0650000918</t>
    <phoneticPr fontId="18"/>
  </si>
  <si>
    <t>0750000921</t>
    <phoneticPr fontId="18"/>
  </si>
  <si>
    <t>0750000922</t>
    <phoneticPr fontId="18"/>
  </si>
  <si>
    <t>0750000923</t>
    <phoneticPr fontId="18"/>
  </si>
  <si>
    <t>0750000924</t>
    <phoneticPr fontId="18"/>
  </si>
  <si>
    <t>0750000925</t>
    <phoneticPr fontId="18"/>
  </si>
  <si>
    <t>0750000926</t>
    <phoneticPr fontId="18"/>
  </si>
  <si>
    <t>0750000928</t>
    <phoneticPr fontId="18"/>
  </si>
  <si>
    <t>0750000929</t>
    <phoneticPr fontId="18"/>
  </si>
  <si>
    <t>0750000930</t>
    <phoneticPr fontId="18"/>
  </si>
  <si>
    <t>0750000931</t>
    <phoneticPr fontId="18"/>
  </si>
  <si>
    <t>0750000932</t>
    <phoneticPr fontId="18"/>
  </si>
  <si>
    <t>0750000933</t>
    <phoneticPr fontId="18"/>
  </si>
  <si>
    <t>0750000934</t>
    <phoneticPr fontId="18"/>
  </si>
  <si>
    <t>0750000935</t>
    <phoneticPr fontId="18"/>
  </si>
  <si>
    <t>0750000937</t>
    <phoneticPr fontId="18"/>
  </si>
  <si>
    <t>0750000939</t>
    <phoneticPr fontId="18"/>
  </si>
  <si>
    <t>0750000940</t>
    <phoneticPr fontId="18"/>
  </si>
  <si>
    <t>0750000942</t>
    <phoneticPr fontId="18"/>
  </si>
  <si>
    <t>0750000943</t>
    <phoneticPr fontId="18"/>
  </si>
  <si>
    <t>0750000944</t>
    <phoneticPr fontId="18"/>
  </si>
  <si>
    <t>0750000946</t>
    <phoneticPr fontId="18"/>
  </si>
  <si>
    <t>0750000947</t>
    <phoneticPr fontId="18"/>
  </si>
  <si>
    <t>0750000948</t>
    <phoneticPr fontId="18"/>
  </si>
  <si>
    <t>0750000949</t>
    <phoneticPr fontId="18"/>
  </si>
  <si>
    <t>0750000950</t>
    <phoneticPr fontId="18"/>
  </si>
  <si>
    <t>0750000952</t>
    <phoneticPr fontId="18"/>
  </si>
  <si>
    <t>0750000953</t>
    <phoneticPr fontId="18"/>
  </si>
  <si>
    <t>0750000954</t>
    <phoneticPr fontId="18"/>
  </si>
  <si>
    <t>0750000955</t>
    <phoneticPr fontId="18"/>
  </si>
  <si>
    <t>0750000956</t>
    <phoneticPr fontId="18"/>
  </si>
  <si>
    <t>0750000957</t>
    <phoneticPr fontId="18"/>
  </si>
  <si>
    <t>0750000958</t>
    <phoneticPr fontId="18"/>
  </si>
  <si>
    <t>0750000960</t>
    <phoneticPr fontId="18"/>
  </si>
  <si>
    <t>0750000961</t>
    <phoneticPr fontId="18"/>
  </si>
  <si>
    <t>0750000962</t>
    <phoneticPr fontId="18"/>
  </si>
  <si>
    <t>0750000963</t>
    <phoneticPr fontId="18"/>
  </si>
  <si>
    <t>0750000965</t>
    <phoneticPr fontId="18"/>
  </si>
  <si>
    <t>0750000966</t>
    <phoneticPr fontId="18"/>
  </si>
  <si>
    <t>0750000968</t>
    <phoneticPr fontId="18"/>
  </si>
  <si>
    <t>0750000969</t>
    <phoneticPr fontId="18"/>
  </si>
  <si>
    <t>0750000971</t>
    <phoneticPr fontId="18"/>
  </si>
  <si>
    <t>0750000972</t>
    <phoneticPr fontId="18"/>
  </si>
  <si>
    <t>0850000993</t>
    <phoneticPr fontId="18"/>
  </si>
  <si>
    <t>0850001007</t>
    <phoneticPr fontId="18"/>
  </si>
  <si>
    <t>0950001021</t>
    <phoneticPr fontId="18"/>
  </si>
  <si>
    <t>0950001009</t>
    <phoneticPr fontId="18"/>
  </si>
  <si>
    <t>0950001027</t>
    <phoneticPr fontId="18"/>
  </si>
  <si>
    <t>0950001013</t>
    <phoneticPr fontId="18"/>
  </si>
  <si>
    <t>0950001011</t>
    <phoneticPr fontId="18"/>
  </si>
  <si>
    <t>0950001014</t>
    <phoneticPr fontId="18"/>
  </si>
  <si>
    <t>0950001012</t>
    <phoneticPr fontId="18"/>
  </si>
  <si>
    <t>0950001024</t>
    <phoneticPr fontId="18"/>
  </si>
  <si>
    <t>0950001017</t>
    <phoneticPr fontId="18"/>
  </si>
  <si>
    <t>0950001025</t>
    <phoneticPr fontId="18"/>
  </si>
  <si>
    <t>0950001019</t>
    <phoneticPr fontId="18"/>
  </si>
  <si>
    <t>0950001026</t>
    <phoneticPr fontId="18"/>
  </si>
  <si>
    <t>0950001038</t>
    <phoneticPr fontId="18"/>
  </si>
  <si>
    <t>0950001030</t>
    <phoneticPr fontId="18"/>
  </si>
  <si>
    <t>0950001031</t>
    <phoneticPr fontId="18"/>
  </si>
  <si>
    <t>0950001039</t>
    <phoneticPr fontId="18"/>
  </si>
  <si>
    <t>0950001028</t>
    <phoneticPr fontId="18"/>
  </si>
  <si>
    <t>0950001037</t>
    <phoneticPr fontId="18"/>
  </si>
  <si>
    <t>0950001034</t>
    <phoneticPr fontId="18"/>
  </si>
  <si>
    <t>0950001029</t>
    <phoneticPr fontId="18"/>
  </si>
  <si>
    <t>0950001033</t>
    <phoneticPr fontId="18"/>
  </si>
  <si>
    <t>0950001040</t>
    <phoneticPr fontId="18"/>
  </si>
  <si>
    <t>0950001035</t>
    <phoneticPr fontId="18"/>
  </si>
  <si>
    <t>0950001036</t>
    <phoneticPr fontId="18"/>
  </si>
  <si>
    <t>1150001051</t>
    <phoneticPr fontId="18"/>
  </si>
  <si>
    <t>1150001052</t>
    <phoneticPr fontId="18"/>
  </si>
  <si>
    <t>1150001053</t>
    <phoneticPr fontId="18"/>
  </si>
  <si>
    <t>1150001054</t>
    <phoneticPr fontId="18"/>
  </si>
  <si>
    <t>1150001056</t>
    <phoneticPr fontId="18"/>
  </si>
  <si>
    <t>1150001057</t>
    <phoneticPr fontId="18"/>
  </si>
  <si>
    <t>1150001058</t>
    <phoneticPr fontId="18"/>
  </si>
  <si>
    <t>1150001059</t>
    <phoneticPr fontId="18"/>
  </si>
  <si>
    <t>1250001062</t>
    <phoneticPr fontId="18"/>
  </si>
  <si>
    <t>1250001063</t>
    <phoneticPr fontId="18"/>
  </si>
  <si>
    <t>1250001068</t>
    <phoneticPr fontId="18"/>
  </si>
  <si>
    <t>1250001073</t>
    <phoneticPr fontId="18"/>
  </si>
  <si>
    <t>1250001081</t>
    <phoneticPr fontId="18"/>
  </si>
  <si>
    <t>1350001088</t>
    <phoneticPr fontId="18"/>
  </si>
  <si>
    <t>1350001095</t>
    <phoneticPr fontId="18"/>
  </si>
  <si>
    <t>1350001097</t>
    <phoneticPr fontId="18"/>
  </si>
  <si>
    <t>1350001100</t>
    <phoneticPr fontId="18"/>
  </si>
  <si>
    <t>1350001103</t>
    <phoneticPr fontId="18"/>
  </si>
  <si>
    <t>1350001110</t>
    <phoneticPr fontId="18"/>
  </si>
  <si>
    <t>1550001146</t>
    <phoneticPr fontId="18"/>
  </si>
  <si>
    <t>1550001148</t>
    <phoneticPr fontId="18"/>
  </si>
  <si>
    <t>1550001152</t>
    <phoneticPr fontId="18"/>
  </si>
  <si>
    <t>1550001156</t>
    <phoneticPr fontId="18"/>
  </si>
  <si>
    <t>1550001150</t>
    <phoneticPr fontId="18"/>
  </si>
  <si>
    <t>1550001155</t>
    <phoneticPr fontId="18"/>
  </si>
  <si>
    <t>1550001151</t>
    <phoneticPr fontId="18"/>
  </si>
  <si>
    <t>1550001154</t>
    <phoneticPr fontId="18"/>
  </si>
  <si>
    <t>1550001159</t>
    <phoneticPr fontId="18"/>
  </si>
  <si>
    <t>1550001153</t>
    <phoneticPr fontId="18"/>
  </si>
  <si>
    <t>1950001205</t>
    <phoneticPr fontId="18"/>
  </si>
  <si>
    <t>1950001208</t>
    <phoneticPr fontId="18"/>
  </si>
  <si>
    <t>1950001210</t>
    <phoneticPr fontId="18"/>
  </si>
  <si>
    <t>1950001212</t>
    <phoneticPr fontId="18"/>
  </si>
  <si>
    <t>1950001213</t>
    <phoneticPr fontId="18"/>
  </si>
  <si>
    <t>1950001214</t>
    <phoneticPr fontId="18"/>
  </si>
  <si>
    <t>1950001215</t>
    <phoneticPr fontId="18"/>
  </si>
  <si>
    <t>1950001216</t>
    <phoneticPr fontId="18"/>
  </si>
  <si>
    <t>2250001236</t>
    <phoneticPr fontId="18"/>
  </si>
  <si>
    <t>2250001237</t>
    <phoneticPr fontId="18"/>
  </si>
  <si>
    <t>2350001241</t>
    <phoneticPr fontId="18"/>
  </si>
  <si>
    <t>2350001242</t>
    <phoneticPr fontId="18"/>
  </si>
  <si>
    <t>2350001244</t>
    <phoneticPr fontId="18"/>
  </si>
  <si>
    <t>2750001256</t>
    <phoneticPr fontId="18"/>
  </si>
  <si>
    <t>3050001266</t>
    <phoneticPr fontId="18"/>
  </si>
  <si>
    <t>3050001267</t>
    <phoneticPr fontId="18"/>
  </si>
  <si>
    <t>神奈川県座間市座間2-3133</t>
  </si>
  <si>
    <t>神奈川県座間市栗原中央6-8-1</t>
  </si>
  <si>
    <t>神奈川県座間市広野台1-41-1</t>
  </si>
  <si>
    <t>神奈川県座間市栗原1302</t>
  </si>
  <si>
    <t>神奈川県座間市東原2-6-1</t>
  </si>
  <si>
    <t>神奈川県座間市相模が丘3-1-1</t>
  </si>
  <si>
    <t>神奈川県座間市立野台1-1-3</t>
  </si>
  <si>
    <t>神奈川県座間市ひばりが丘5-43-1</t>
  </si>
  <si>
    <t>神奈川県座間市西栗原2-16-1</t>
  </si>
  <si>
    <t>神奈川県座間市緑ケ丘4-6-10</t>
  </si>
  <si>
    <t>神奈川県座間市座間2-1230</t>
  </si>
  <si>
    <t>神奈川県座間市栗原中央6-4-1</t>
  </si>
  <si>
    <t>神奈川県座間市相模が丘6-35-1</t>
  </si>
  <si>
    <t>神奈川県座間市南栗原3-8-1</t>
  </si>
  <si>
    <t>全日・定時／総合</t>
    <rPh sb="6" eb="8">
      <t>ソウゴウ</t>
    </rPh>
    <phoneticPr fontId="18"/>
  </si>
  <si>
    <t>中学校給食は選択式で実施</t>
    <rPh sb="0" eb="3">
      <t>チュウガッコウ</t>
    </rPh>
    <rPh sb="3" eb="5">
      <t>キュウショク</t>
    </rPh>
    <rPh sb="6" eb="8">
      <t>センタク</t>
    </rPh>
    <rPh sb="8" eb="9">
      <t>シキ</t>
    </rPh>
    <rPh sb="10" eb="12">
      <t>ジッシ</t>
    </rPh>
    <phoneticPr fontId="18"/>
  </si>
  <si>
    <t>川崎市立川崎高等学校附属中学校</t>
    <rPh sb="0" eb="4">
      <t>カワサキシリツ</t>
    </rPh>
    <rPh sb="4" eb="6">
      <t>カワサキ</t>
    </rPh>
    <rPh sb="6" eb="8">
      <t>コウトウ</t>
    </rPh>
    <rPh sb="8" eb="10">
      <t>ガッコウ</t>
    </rPh>
    <rPh sb="10" eb="12">
      <t>フゾク</t>
    </rPh>
    <rPh sb="12" eb="15">
      <t>チュウガッコウ</t>
    </rPh>
    <phoneticPr fontId="20"/>
  </si>
  <si>
    <t>253-0036</t>
  </si>
  <si>
    <t>253-0033</t>
  </si>
  <si>
    <t>242-0008</t>
  </si>
  <si>
    <t>清川村立緑小学校</t>
    <rPh sb="2" eb="3">
      <t>ムラ</t>
    </rPh>
    <rPh sb="3" eb="4">
      <t>リツ</t>
    </rPh>
    <rPh sb="4" eb="5">
      <t>リョク</t>
    </rPh>
    <phoneticPr fontId="20"/>
  </si>
  <si>
    <t>清川村立宮ヶ瀬小学校</t>
    <rPh sb="3" eb="4">
      <t>タ</t>
    </rPh>
    <phoneticPr fontId="20"/>
  </si>
  <si>
    <t>252-0329</t>
  </si>
  <si>
    <t>https://edu.city.chigasaki.kanagawa.jp/elementary/chigasaki/index.html</t>
    <phoneticPr fontId="18"/>
  </si>
  <si>
    <t>0950001010</t>
    <phoneticPr fontId="18"/>
  </si>
  <si>
    <t>-</t>
    <phoneticPr fontId="18"/>
  </si>
  <si>
    <t>https://edu.city.chigasaki.kanagawa.jp/elementary/tsurumine/index.html</t>
    <phoneticPr fontId="18"/>
  </si>
  <si>
    <t>https://edu.city.chigasaki.kanagawa.jp/elementary/shorin/index.html</t>
    <phoneticPr fontId="18"/>
  </si>
  <si>
    <t>https://edu.city.chigasaki.kanagawa.jp/elementary/nishihama/index.html</t>
    <phoneticPr fontId="18"/>
  </si>
  <si>
    <t>https://edu.city.chigasaki.kanagawa.jp/elementary/koide/index.html</t>
    <phoneticPr fontId="18"/>
  </si>
  <si>
    <t>https://edu.city.chigasaki.kanagawa.jp/elementary/matsunami/index.html</t>
    <phoneticPr fontId="18"/>
  </si>
  <si>
    <t>0950001015</t>
    <phoneticPr fontId="18"/>
  </si>
  <si>
    <t>https://edu.city.chigasaki.kanagawa.jp/elementary/umeda/index.html</t>
    <phoneticPr fontId="18"/>
  </si>
  <si>
    <t>0950001016</t>
    <phoneticPr fontId="18"/>
  </si>
  <si>
    <t>https://edu.city.chigasaki.kanagawa.jp/elementary/kagawa/index.html</t>
    <phoneticPr fontId="18"/>
  </si>
  <si>
    <t>https://edu.city.chigasaki.kanagawa.jp/elementary/hamasuka/index.html</t>
    <phoneticPr fontId="18"/>
  </si>
  <si>
    <t>-</t>
    <phoneticPr fontId="18"/>
  </si>
  <si>
    <t>0950001018</t>
    <phoneticPr fontId="18"/>
  </si>
  <si>
    <t>https://edu.city.chigasaki.kanagawa.jp/elementary/tsurugadai/index.html</t>
    <phoneticPr fontId="18"/>
  </si>
  <si>
    <t>https://edu.city.chigasaki.kanagawa.jp/elementary/yanagishima/index.html</t>
    <phoneticPr fontId="18"/>
  </si>
  <si>
    <t>0950001020</t>
    <phoneticPr fontId="18"/>
  </si>
  <si>
    <t>https://edu.city.chigasaki.kanagawa.jp/elementary/kowada/index.html</t>
    <phoneticPr fontId="18"/>
  </si>
  <si>
    <t>https://edu.city.chigasaki.kanagawa.jp/elementary/enzou/index.html</t>
    <phoneticPr fontId="18"/>
  </si>
  <si>
    <t>0950001022</t>
    <phoneticPr fontId="18"/>
  </si>
  <si>
    <t>https://edu.city.chigasaki.kanagawa.jp/elementary/imajuku/index.html</t>
    <phoneticPr fontId="18"/>
  </si>
  <si>
    <t>0950001023</t>
    <phoneticPr fontId="18"/>
  </si>
  <si>
    <t>https://edu.city.chigasaki.kanagawa.jp/elementary/murota/index.html</t>
    <phoneticPr fontId="18"/>
  </si>
  <si>
    <t>https://edu.city.chigasaki.kanagawa.jp/elementary/higashikaigan/index.html</t>
    <phoneticPr fontId="18"/>
  </si>
  <si>
    <t>https://edu.city.chigasaki.kanagawa.jp/elementary/hamanogou/index.html</t>
    <phoneticPr fontId="18"/>
  </si>
  <si>
    <t>https://edu.city.chigasaki.kanagawa.jp/elementary/midorigahama/index.html</t>
    <phoneticPr fontId="18"/>
  </si>
  <si>
    <t>https://edu.city.chigasaki.kanagawa.jp/elementary/shiomidai/index.html</t>
    <phoneticPr fontId="18"/>
  </si>
  <si>
    <t>https://edu.city.chigasaki.kanagawa.jp/lower_secondary/daiichi/index.html</t>
    <phoneticPr fontId="18"/>
  </si>
  <si>
    <t>茅ｹ崎市立鶴嶺中学校</t>
    <phoneticPr fontId="21"/>
  </si>
  <si>
    <t>https://edu.city.chigasaki.kanagawa.jp/lower_secondary/tsurumine/index.html</t>
    <phoneticPr fontId="18"/>
  </si>
  <si>
    <t>https://edu.city.chigasaki.kanagawa.jp/lower_secondary/shorin/index.html</t>
    <phoneticPr fontId="18"/>
  </si>
  <si>
    <t>https://edu.city.chigasaki.kanagawa.jp/lower_secondary/nishihama/index.html</t>
    <phoneticPr fontId="18"/>
  </si>
  <si>
    <t>0950001032</t>
    <phoneticPr fontId="18"/>
  </si>
  <si>
    <t>https://edu.city.chigasaki.kanagawa.jp/lower_secondary/matsunami/index.html</t>
    <phoneticPr fontId="18"/>
  </si>
  <si>
    <t>茅ｹ崎市立梅田中学校</t>
    <phoneticPr fontId="21"/>
  </si>
  <si>
    <t>https://edu.city.chigasaki.kanagawa.jp/lower_secondary/umeda/index.html</t>
    <phoneticPr fontId="18"/>
  </si>
  <si>
    <t>茅ｹ崎市立鶴が台中学校</t>
    <phoneticPr fontId="21"/>
  </si>
  <si>
    <t>https://edu.city.chigasaki.kanagawa.jp/lower_secondary/tsurugadai/index.html</t>
    <phoneticPr fontId="18"/>
  </si>
  <si>
    <t>https://edu.city.chigasaki.kanagawa.jp/lower_secondary/hamasuka/index.html</t>
    <phoneticPr fontId="18"/>
  </si>
  <si>
    <t>https://edu.city.chigasaki.kanagawa.jp/lower_secondary/hokuyou/index.html</t>
    <phoneticPr fontId="18"/>
  </si>
  <si>
    <t>https://edu.city.chigasaki.kanagawa.jp/lower_secondary/nakajima/index.html</t>
    <phoneticPr fontId="18"/>
  </si>
  <si>
    <t>https://edu.city.chigasaki.kanagawa.jp/lower_secondary/enzou/index.html</t>
    <phoneticPr fontId="18"/>
  </si>
  <si>
    <t>https://edu.city.chigasaki.kanagawa.jp/lower_secondary/akabane/index.html</t>
    <phoneticPr fontId="18"/>
  </si>
  <si>
    <t>茅ｹ崎市立萩園中学校</t>
    <phoneticPr fontId="21"/>
  </si>
  <si>
    <t>https://edu.city.chigasaki.kanagawa.jp/lower_secondary/hagisono/index.html</t>
    <phoneticPr fontId="18"/>
  </si>
  <si>
    <t>神奈川県中郡二宮町山西1401</t>
    <phoneticPr fontId="18"/>
  </si>
  <si>
    <t>松田町立松田中学校</t>
    <rPh sb="0" eb="2">
      <t>マツダ</t>
    </rPh>
    <rPh sb="2" eb="4">
      <t>チョウリツ</t>
    </rPh>
    <rPh sb="4" eb="6">
      <t>マツダ</t>
    </rPh>
    <phoneticPr fontId="21"/>
  </si>
  <si>
    <t>1550001147</t>
    <phoneticPr fontId="18"/>
  </si>
  <si>
    <t>1550001157</t>
    <phoneticPr fontId="18"/>
  </si>
  <si>
    <t>1550001158</t>
    <phoneticPr fontId="18"/>
  </si>
  <si>
    <t>南足柄市立岡本中学校</t>
    <phoneticPr fontId="21"/>
  </si>
  <si>
    <t>http://okachu.ed-minamiashigara.jp/</t>
    <phoneticPr fontId="18"/>
  </si>
  <si>
    <t>横浜市立箕輪小学校</t>
    <rPh sb="0" eb="4">
      <t>ヨコハマシリツ</t>
    </rPh>
    <rPh sb="4" eb="6">
      <t>ミノワ</t>
    </rPh>
    <rPh sb="6" eb="9">
      <t>ショウガッコウ</t>
    </rPh>
    <phoneticPr fontId="18"/>
  </si>
  <si>
    <t>神奈川県横浜市港北区箕輪町2-7-1</t>
    <rPh sb="0" eb="4">
      <t>カナガワケン</t>
    </rPh>
    <rPh sb="4" eb="7">
      <t>ヨコハマシ</t>
    </rPh>
    <rPh sb="7" eb="10">
      <t>コウホクク</t>
    </rPh>
    <rPh sb="10" eb="12">
      <t>ミノワ</t>
    </rPh>
    <rPh sb="12" eb="13">
      <t>チョウ</t>
    </rPh>
    <phoneticPr fontId="18"/>
  </si>
  <si>
    <t>横浜市立市場小学校けやき分校</t>
    <rPh sb="0" eb="4">
      <t>ヨコハマシリツ</t>
    </rPh>
    <rPh sb="4" eb="6">
      <t>イチバ</t>
    </rPh>
    <rPh sb="6" eb="9">
      <t>ショウガッコウ</t>
    </rPh>
    <rPh sb="12" eb="14">
      <t>ブンコウ</t>
    </rPh>
    <phoneticPr fontId="18"/>
  </si>
  <si>
    <t>神奈川県横浜市鶴見区元宮2-5-29</t>
    <rPh sb="0" eb="4">
      <t>カナガワケン</t>
    </rPh>
    <rPh sb="4" eb="7">
      <t>ヨコハマシ</t>
    </rPh>
    <rPh sb="7" eb="10">
      <t>ツルミク</t>
    </rPh>
    <rPh sb="10" eb="12">
      <t>モトミヤ</t>
    </rPh>
    <phoneticPr fontId="18"/>
  </si>
  <si>
    <t>横浜市立上菅田笹の丘小学校</t>
    <rPh sb="0" eb="4">
      <t>ヨコハマシリツ</t>
    </rPh>
    <rPh sb="4" eb="5">
      <t>カミ</t>
    </rPh>
    <rPh sb="5" eb="7">
      <t>スゲタ</t>
    </rPh>
    <rPh sb="7" eb="8">
      <t>ササ</t>
    </rPh>
    <rPh sb="9" eb="10">
      <t>オカ</t>
    </rPh>
    <rPh sb="10" eb="13">
      <t>ショウガッコウ</t>
    </rPh>
    <phoneticPr fontId="18"/>
  </si>
  <si>
    <t>神奈川県横浜市保土ケ谷区上菅田町1422</t>
    <rPh sb="0" eb="4">
      <t>カナガワケン</t>
    </rPh>
    <rPh sb="4" eb="7">
      <t>ヨコハマシ</t>
    </rPh>
    <rPh sb="7" eb="11">
      <t>ホドガヤ</t>
    </rPh>
    <rPh sb="11" eb="12">
      <t>ク</t>
    </rPh>
    <rPh sb="12" eb="13">
      <t>カミ</t>
    </rPh>
    <rPh sb="13" eb="16">
      <t>スゲタチョウ</t>
    </rPh>
    <phoneticPr fontId="18"/>
  </si>
  <si>
    <t>横浜市立丸山台中学校</t>
    <rPh sb="0" eb="4">
      <t>ヨコハマシリツ</t>
    </rPh>
    <rPh sb="4" eb="7">
      <t>マルヤマダイ</t>
    </rPh>
    <rPh sb="7" eb="10">
      <t>チュウガッコウ</t>
    </rPh>
    <phoneticPr fontId="18"/>
  </si>
  <si>
    <t>神奈川県横浜市港南区丸山台4-1-1</t>
    <rPh sb="0" eb="4">
      <t>カナガワケン</t>
    </rPh>
    <rPh sb="4" eb="7">
      <t>ヨコハマシ</t>
    </rPh>
    <rPh sb="7" eb="10">
      <t>コウナンク</t>
    </rPh>
    <rPh sb="10" eb="13">
      <t>マルヤマダイ</t>
    </rPh>
    <phoneticPr fontId="18"/>
  </si>
  <si>
    <t>川崎市</t>
    <rPh sb="0" eb="3">
      <t>カワ</t>
    </rPh>
    <phoneticPr fontId="18"/>
  </si>
  <si>
    <t>川崎市立小杉小学校</t>
    <rPh sb="0" eb="3">
      <t>カワ</t>
    </rPh>
    <rPh sb="3" eb="4">
      <t>タ</t>
    </rPh>
    <rPh sb="4" eb="6">
      <t>コスギ</t>
    </rPh>
    <rPh sb="6" eb="9">
      <t>ショウ</t>
    </rPh>
    <phoneticPr fontId="18"/>
  </si>
  <si>
    <t>神奈川県川崎市中原区小杉町2-295-1</t>
    <rPh sb="7" eb="10">
      <t>ナカハラク</t>
    </rPh>
    <rPh sb="10" eb="12">
      <t>コスギ</t>
    </rPh>
    <rPh sb="12" eb="13">
      <t>マチ</t>
    </rPh>
    <phoneticPr fontId="18"/>
  </si>
  <si>
    <t>044-711-5553</t>
    <phoneticPr fontId="18"/>
  </si>
  <si>
    <t>042-787-0014</t>
    <phoneticPr fontId="18"/>
  </si>
  <si>
    <t>相模原市立青和学園</t>
    <rPh sb="5" eb="7">
      <t>セイワ</t>
    </rPh>
    <rPh sb="7" eb="9">
      <t>ガクエン</t>
    </rPh>
    <phoneticPr fontId="18"/>
  </si>
  <si>
    <t>横須賀市立衣笠中学校</t>
    <phoneticPr fontId="21"/>
  </si>
  <si>
    <t>鎌倉市立御成中学校</t>
    <phoneticPr fontId="21"/>
  </si>
  <si>
    <t>鎌倉市立深沢中学校</t>
    <phoneticPr fontId="21"/>
  </si>
  <si>
    <t>鎌倉市立玉縄中学校</t>
    <phoneticPr fontId="21"/>
  </si>
  <si>
    <t>鎌倉市立岩瀬中学校</t>
    <phoneticPr fontId="21"/>
  </si>
  <si>
    <t>鎌倉市立手広中学校</t>
    <phoneticPr fontId="21"/>
  </si>
  <si>
    <t>0750000919</t>
    <phoneticPr fontId="18"/>
  </si>
  <si>
    <t>0750000920</t>
    <phoneticPr fontId="18"/>
  </si>
  <si>
    <t>0750000927</t>
    <phoneticPr fontId="18"/>
  </si>
  <si>
    <t>0750000936</t>
    <phoneticPr fontId="18"/>
  </si>
  <si>
    <t>0750000938</t>
    <phoneticPr fontId="18"/>
  </si>
  <si>
    <t>0750000941</t>
    <phoneticPr fontId="18"/>
  </si>
  <si>
    <t>0750000945</t>
    <phoneticPr fontId="18"/>
  </si>
  <si>
    <t>0750000951</t>
    <phoneticPr fontId="18"/>
  </si>
  <si>
    <t>藤沢市立六会中学校</t>
    <phoneticPr fontId="21"/>
  </si>
  <si>
    <t>藤沢市立片瀬中学校</t>
    <phoneticPr fontId="21"/>
  </si>
  <si>
    <t>0750000959</t>
    <phoneticPr fontId="18"/>
  </si>
  <si>
    <t>0750000964</t>
    <phoneticPr fontId="18"/>
  </si>
  <si>
    <t>藤沢市立大庭中学校</t>
    <phoneticPr fontId="21"/>
  </si>
  <si>
    <t>藤沢市立高倉中学校</t>
    <phoneticPr fontId="21"/>
  </si>
  <si>
    <t>0750000970</t>
    <phoneticPr fontId="18"/>
  </si>
  <si>
    <t>藤沢市立大清水中学校</t>
    <phoneticPr fontId="21"/>
  </si>
  <si>
    <t>藤沢市立鵠沼中学校</t>
    <phoneticPr fontId="21"/>
  </si>
  <si>
    <t>藤沢市立藤ヶ岡中学校</t>
    <phoneticPr fontId="21"/>
  </si>
  <si>
    <t>0750000967</t>
    <phoneticPr fontId="18"/>
  </si>
  <si>
    <t>藤沢市立村岡中学校</t>
    <phoneticPr fontId="21"/>
  </si>
  <si>
    <t>http://www.city-zushi.ed.jp/e-ikego/</t>
    <phoneticPr fontId="18"/>
  </si>
  <si>
    <t>1150001049</t>
    <phoneticPr fontId="18"/>
  </si>
  <si>
    <t>http://www.city.miura.kanagawa.jp/kyouiku/misaki/index.html</t>
    <phoneticPr fontId="18"/>
  </si>
  <si>
    <t>1150001050</t>
    <phoneticPr fontId="18"/>
  </si>
  <si>
    <t>http://www.city.miura.kanagawa.jp/kyouiku/kouyou/index.html</t>
    <phoneticPr fontId="18"/>
  </si>
  <si>
    <t>http://www.city.miura.kanagawa.jp/kyouiku/minami/index.html</t>
    <phoneticPr fontId="18"/>
  </si>
  <si>
    <t>三浦市立剣崎小学校</t>
    <phoneticPr fontId="18"/>
  </si>
  <si>
    <t>http://www.city.miura.kanagawa.jp/kyouiku/kenzaki/index.html</t>
    <phoneticPr fontId="18"/>
  </si>
  <si>
    <t>合併前の創立年。</t>
    <rPh sb="0" eb="2">
      <t>ガッペイ</t>
    </rPh>
    <rPh sb="2" eb="3">
      <t>マエ</t>
    </rPh>
    <rPh sb="4" eb="6">
      <t>ソウリツ</t>
    </rPh>
    <rPh sb="6" eb="7">
      <t>ネン</t>
    </rPh>
    <phoneticPr fontId="18"/>
  </si>
  <si>
    <t>1150001055</t>
    <phoneticPr fontId="18"/>
  </si>
  <si>
    <t>http://www.city.miura.kanagawa.jp/kyouiku/hasse-jr/index.html</t>
    <phoneticPr fontId="18"/>
  </si>
  <si>
    <t>1250001060</t>
    <phoneticPr fontId="18"/>
  </si>
  <si>
    <t>1250001061</t>
    <phoneticPr fontId="18"/>
  </si>
  <si>
    <t>1250001064</t>
    <phoneticPr fontId="18"/>
  </si>
  <si>
    <t>1250001065</t>
    <phoneticPr fontId="18"/>
  </si>
  <si>
    <t>1250001066</t>
    <phoneticPr fontId="18"/>
  </si>
  <si>
    <t>1250001067</t>
    <phoneticPr fontId="18"/>
  </si>
  <si>
    <t>1250001069</t>
    <phoneticPr fontId="18"/>
  </si>
  <si>
    <t>1250001070</t>
    <phoneticPr fontId="18"/>
  </si>
  <si>
    <t>1250001071</t>
    <phoneticPr fontId="18"/>
  </si>
  <si>
    <t>1250001072</t>
    <phoneticPr fontId="18"/>
  </si>
  <si>
    <t>1250001074</t>
    <phoneticPr fontId="18"/>
  </si>
  <si>
    <t>1250001075</t>
    <phoneticPr fontId="18"/>
  </si>
  <si>
    <t>1250001076</t>
    <phoneticPr fontId="18"/>
  </si>
  <si>
    <t>1250001077</t>
    <phoneticPr fontId="18"/>
  </si>
  <si>
    <t>1250001078</t>
    <phoneticPr fontId="18"/>
  </si>
  <si>
    <t>1250001079</t>
    <phoneticPr fontId="18"/>
  </si>
  <si>
    <t>1250001080</t>
    <phoneticPr fontId="18"/>
  </si>
  <si>
    <t>1350001094</t>
    <phoneticPr fontId="18"/>
  </si>
  <si>
    <t>1350001096</t>
    <phoneticPr fontId="18"/>
  </si>
  <si>
    <t>1350001098</t>
    <phoneticPr fontId="18"/>
  </si>
  <si>
    <t>1350001099</t>
    <phoneticPr fontId="18"/>
  </si>
  <si>
    <t>1350001105</t>
    <phoneticPr fontId="18"/>
  </si>
  <si>
    <t>1350001107</t>
    <phoneticPr fontId="18"/>
  </si>
  <si>
    <t>1350001108</t>
    <phoneticPr fontId="18"/>
  </si>
  <si>
    <t>神奈川県厚木市三田3丁目1-1</t>
    <rPh sb="7" eb="9">
      <t>サンダ</t>
    </rPh>
    <rPh sb="10" eb="12">
      <t>チョウメ</t>
    </rPh>
    <phoneticPr fontId="18"/>
  </si>
  <si>
    <t>1350001111</t>
    <phoneticPr fontId="18"/>
  </si>
  <si>
    <t>1350001112</t>
    <phoneticPr fontId="18"/>
  </si>
  <si>
    <t>1350001113</t>
    <phoneticPr fontId="18"/>
  </si>
  <si>
    <t>1350001114</t>
    <phoneticPr fontId="18"/>
  </si>
  <si>
    <t>1350001115</t>
    <phoneticPr fontId="18"/>
  </si>
  <si>
    <t>1350001082</t>
    <phoneticPr fontId="18"/>
  </si>
  <si>
    <t>1350001084</t>
    <phoneticPr fontId="18"/>
  </si>
  <si>
    <t>1350001085</t>
    <phoneticPr fontId="18"/>
  </si>
  <si>
    <t>1350001086</t>
    <phoneticPr fontId="18"/>
  </si>
  <si>
    <t>1350001087</t>
    <phoneticPr fontId="18"/>
  </si>
  <si>
    <t>1350001089</t>
    <phoneticPr fontId="18"/>
  </si>
  <si>
    <t>1350001090</t>
    <phoneticPr fontId="18"/>
  </si>
  <si>
    <t>1350001091</t>
    <phoneticPr fontId="18"/>
  </si>
  <si>
    <t>1350001092</t>
    <phoneticPr fontId="18"/>
  </si>
  <si>
    <t>1350001101</t>
    <phoneticPr fontId="18"/>
  </si>
  <si>
    <t>1350001102</t>
    <phoneticPr fontId="18"/>
  </si>
  <si>
    <t>1350001106</t>
    <phoneticPr fontId="18"/>
  </si>
  <si>
    <t>1350001109</t>
    <phoneticPr fontId="18"/>
  </si>
  <si>
    <t>1350001116</t>
    <phoneticPr fontId="18"/>
  </si>
  <si>
    <t>1350001117</t>
    <phoneticPr fontId="18"/>
  </si>
  <si>
    <t>大和市立光丘中学校</t>
    <phoneticPr fontId="21"/>
  </si>
  <si>
    <t>大和市立渋谷中学校</t>
    <phoneticPr fontId="21"/>
  </si>
  <si>
    <t>242-0015</t>
    <phoneticPr fontId="21"/>
  </si>
  <si>
    <t>大和市立つきみ野中学校</t>
    <phoneticPr fontId="21"/>
  </si>
  <si>
    <t>大和市立南林間中学校</t>
    <phoneticPr fontId="21"/>
  </si>
  <si>
    <t>1950001207</t>
    <phoneticPr fontId="18"/>
  </si>
  <si>
    <t>1950001211</t>
    <phoneticPr fontId="18"/>
  </si>
  <si>
    <t>1950001217</t>
    <phoneticPr fontId="18"/>
  </si>
  <si>
    <t>神奈川県高座郡寒川町小谷4-5-1</t>
    <phoneticPr fontId="18"/>
  </si>
  <si>
    <t>神奈川県高座郡寒川町一之宮9-9-1</t>
    <phoneticPr fontId="18"/>
  </si>
  <si>
    <t>神奈川県高座郡寒川町岡田718</t>
    <phoneticPr fontId="18"/>
  </si>
  <si>
    <t>神奈川県足柄上郡山北町山北1002</t>
    <phoneticPr fontId="18"/>
  </si>
  <si>
    <t>http://www.town.yamakita.kanagawa.jp/0000000511.html</t>
  </si>
  <si>
    <t>2950001262</t>
    <phoneticPr fontId="18"/>
  </si>
  <si>
    <t>2950001263</t>
    <phoneticPr fontId="18"/>
  </si>
  <si>
    <t>2950001264</t>
    <phoneticPr fontId="18"/>
  </si>
  <si>
    <t>2950001265</t>
    <phoneticPr fontId="18"/>
  </si>
  <si>
    <t>神奈川県高座郡寒川町宮山934</t>
    <phoneticPr fontId="18"/>
  </si>
  <si>
    <t>神奈川県高座郡寒川町一之宮7-3-1</t>
    <phoneticPr fontId="18"/>
  </si>
  <si>
    <t>神奈川県高座郡寒川町倉見1675-3</t>
    <phoneticPr fontId="18"/>
  </si>
  <si>
    <t>神奈川県高座郡寒川町一之宮3-9-1</t>
    <phoneticPr fontId="18"/>
  </si>
  <si>
    <t>https://www.pen-kanagawa.ed.jp/tsurumisogo-ih</t>
  </si>
  <si>
    <t>https://www.pen-kanagawa.ed.jp/kanagawa-th</t>
  </si>
  <si>
    <t>https://www.pen-kanagawa.ed.jp/kanagawasohgoh-h</t>
  </si>
  <si>
    <t>https://www.pen-kanagawa.ed.jp/yokohamasuiran-h</t>
  </si>
  <si>
    <t>https://www.pen-kanagawa.ed.jp/shirosato-h</t>
  </si>
  <si>
    <t>https://www.pen-kanagawa.ed.jp/yokohamahiranuma-h</t>
  </si>
  <si>
    <t>https://www.pen-kanagawa.ed.jp/y-midorigaoka-h</t>
  </si>
  <si>
    <t>045-624-3756</t>
    <phoneticPr fontId="18"/>
  </si>
  <si>
    <t>https://www.pen-kanagawa.ed.jp/y-tateno-h</t>
  </si>
  <si>
    <t>全日単位／普通</t>
    <phoneticPr fontId="18"/>
  </si>
  <si>
    <t>https://www.pen-kanagawa.ed.jp/yokohamakokusai-h</t>
  </si>
  <si>
    <t>https://www.pen-kanagawa.ed.jp/y-nanryo-h</t>
  </si>
  <si>
    <t>https://www.pen-kanagawa.ed.jp/y-meiho-h</t>
  </si>
  <si>
    <t>https://www.pen-kanagawa.ed.jp/nagaya-h</t>
  </si>
  <si>
    <t>https://www.pen-kanagawa.ed.jp/koryo-h</t>
  </si>
  <si>
    <t>神奈川県横浜市保土ケ谷区川島町1557</t>
    <phoneticPr fontId="18"/>
  </si>
  <si>
    <t>https://www.pen-kanagawa.ed.jp/kibogaoka-h</t>
  </si>
  <si>
    <t>https://www.pen-kanagawa.ed.jp/y-kyokuryo-h</t>
  </si>
  <si>
    <t>https://www.pen-kanagawa.ed.jp/isogo-th</t>
  </si>
  <si>
    <t>神奈川県立横浜氷取沢高等学校</t>
    <rPh sb="5" eb="7">
      <t>ヨコハマ</t>
    </rPh>
    <phoneticPr fontId="18"/>
  </si>
  <si>
    <t>カナガワケンリツヨコハマヒトリザワコウトウガッコウ</t>
    <phoneticPr fontId="18"/>
  </si>
  <si>
    <t>https://www.pen-kanagawa.ed.jp/y-hitorizawa-h</t>
  </si>
  <si>
    <t>https://www.pen-kanagawa.ed.jp/kanazawasogo-ih</t>
  </si>
  <si>
    <t>https://www.pen-kanagawa.ed.jp/kamariya-h</t>
  </si>
  <si>
    <t>https://www.pen-kanagawa.ed.jp/kohoku-h</t>
  </si>
  <si>
    <t>https://www.pen-kanagawa.ed.jp/nippa-h</t>
  </si>
  <si>
    <t>https://www.pen-kanagawa.ed.jp/kishine-h</t>
  </si>
  <si>
    <t>https://www.pen-kanagawa.ed.jp/kirigaoka-h</t>
  </si>
  <si>
    <t>https://www.pen-kanagawa.ed.jp/hakusan-h</t>
  </si>
  <si>
    <t>https://www.pen-kanagawa.ed.jp/ichigao-h</t>
  </si>
  <si>
    <t>https://www.pen-kanagawa.ed.jp/motoishikawa-h</t>
  </si>
  <si>
    <t>https://www.pen-kanagawa.ed.jp/kawawa-h</t>
  </si>
  <si>
    <t>https://www.pen-kanagawa.ed.jp/eda-h</t>
  </si>
  <si>
    <t>https://www.pen-kanagawa.ed.jp/shinei-h</t>
  </si>
  <si>
    <t>https://www.pen-kanagawa.ed.jp/maioka-h</t>
  </si>
  <si>
    <t>https://www.pen-kanagawa.ed.jp/y-oyo-h</t>
  </si>
  <si>
    <t>https://www.pen-kanagawa.ed.jp/kamiyabe-h</t>
  </si>
  <si>
    <t>https://www.pen-kanagawa.ed.jp/hakuyo-h</t>
  </si>
  <si>
    <t>https://www.pen-kanagawa.ed.jp/kanai-h</t>
  </si>
  <si>
    <t>https://www.pen-kanagawa.ed.jp/yokohamasakae-h</t>
  </si>
  <si>
    <t>https://www.pen-kanagawa.ed.jp/shoyo-h</t>
  </si>
  <si>
    <t>https://www.pen-kanagawa.ed.jp/y-ryokuen-h</t>
  </si>
  <si>
    <t>https://www.pen-kanagawa.ed.jp/y-shuyukan-h</t>
  </si>
  <si>
    <t>https://www.pen-kanagawa.ed.jp/kawasaki-h</t>
  </si>
  <si>
    <t>https://www.pen-kanagawa.ed.jp/daishi-ih</t>
  </si>
  <si>
    <t>https://www.pen-kanagawa.ed.jp/kawasakikoka-th</t>
  </si>
  <si>
    <t>https://www.pen-kanagawa.ed.jp/shinjo-h</t>
  </si>
  <si>
    <t>https://www.pen-kanagawa.ed.jp/sumiyoshi-h</t>
  </si>
  <si>
    <t>https://www.pen-kanagawa.ed.jp/kawasakikita-h</t>
  </si>
  <si>
    <t>https://www.pen-kanagawa.ed.jp/tama-h</t>
  </si>
  <si>
    <t>https://www.pen-kanagawa.ed.jp/mukainooka-th</t>
  </si>
  <si>
    <t>https://www.pen-kanagawa.ed.jp/ikuta-h</t>
  </si>
  <si>
    <t>https://www.pen-kanagawa.ed.jp/ikutahigashi-h</t>
  </si>
  <si>
    <t>https://www.pen-kanagawa.ed.jp/asaosogo-ih</t>
  </si>
  <si>
    <t>神奈川県相模原市緑区橋本台4-2-1</t>
    <rPh sb="12" eb="13">
      <t>ダイ</t>
    </rPh>
    <phoneticPr fontId="18"/>
  </si>
  <si>
    <t>https://www.pen-kanagawa.ed.jp/hashimoto-h</t>
  </si>
  <si>
    <t>https://www.pen-kanagawa.ed.jp/tsukui-h</t>
  </si>
  <si>
    <t>https://www.pen-kanagawa.ed.jp/kamimizo-h</t>
  </si>
  <si>
    <t>https://www.pen-kanagawa.ed.jp/sagamihara-h</t>
  </si>
  <si>
    <t>https://www.pen-kanagawa.ed.jp/kamimizominami-h</t>
  </si>
  <si>
    <t>神奈川県立相模原弥栄高等学校</t>
    <rPh sb="0" eb="5">
      <t>カナガワケンリツ</t>
    </rPh>
    <rPh sb="5" eb="8">
      <t>サガミハラ</t>
    </rPh>
    <rPh sb="8" eb="9">
      <t>ヤ</t>
    </rPh>
    <rPh sb="9" eb="10">
      <t>エイ</t>
    </rPh>
    <rPh sb="10" eb="12">
      <t>コウトウ</t>
    </rPh>
    <rPh sb="12" eb="14">
      <t>ガッコウ</t>
    </rPh>
    <phoneticPr fontId="21"/>
  </si>
  <si>
    <t>https://www.pen-kanagawa.ed.jp/kanagawasogosangyo-h</t>
  </si>
  <si>
    <t>https://www.pen-kanagawa.ed.jp/kamitsuruma-h</t>
  </si>
  <si>
    <t>https://www.pen-kanagawa.ed.jp/yokosuka-h</t>
  </si>
  <si>
    <t>https://www.pen-kanagawa.ed.jp/yokosukaotsu-h</t>
  </si>
  <si>
    <t>https://www.pen-kanagawa.ed.jp/yokosuka-th</t>
  </si>
  <si>
    <t>https://www.pen-kanagawa.ed.jp/oppama-h</t>
  </si>
  <si>
    <t>https://www.pen-kanagawa.ed.jp/tsukuihama-h</t>
  </si>
  <si>
    <t>神奈川県立横須賀南高等学校</t>
    <rPh sb="0" eb="5">
      <t>カナガワケンリツ</t>
    </rPh>
    <rPh sb="5" eb="8">
      <t>ヨコスカ</t>
    </rPh>
    <rPh sb="8" eb="9">
      <t>ミナミ</t>
    </rPh>
    <rPh sb="9" eb="11">
      <t>コウトウ</t>
    </rPh>
    <rPh sb="11" eb="13">
      <t>ガッコウ</t>
    </rPh>
    <phoneticPr fontId="21"/>
  </si>
  <si>
    <t>https://www.pen-kanagawa.ed.jp/hiratsukakonan-h</t>
  </si>
  <si>
    <t>神奈川県立平塚農商高等学校</t>
    <rPh sb="8" eb="9">
      <t>ショウ</t>
    </rPh>
    <phoneticPr fontId="18"/>
  </si>
  <si>
    <t>https://www.pen-kanagawa.ed.jp/hiratsukakoka-th</t>
  </si>
  <si>
    <t>https://www.pen-kanagawa.ed.jp/hiratsukashofu-h</t>
  </si>
  <si>
    <t>https://www.pen-kanagawa.ed.jp/kamakura-h</t>
  </si>
  <si>
    <t>https://www.pen-kanagawa.ed.jp/shichirigahama-h</t>
  </si>
  <si>
    <t>https://www.pen-kanagawa.ed.jp/ofuna-h</t>
  </si>
  <si>
    <t>https://www.pen-kanagawa.ed.jp/fukasawa-h</t>
  </si>
  <si>
    <t>https://www.pen-kanagawa.ed.jp/fujisawanishi-h</t>
  </si>
  <si>
    <t>https://www.pen-kanagawa.ed.jp/fujisawakoka-th</t>
  </si>
  <si>
    <t>https://www.pen-kanagawa.ed.jp/fujisawasogo-ih</t>
  </si>
  <si>
    <t>https://www.pen-kanagawa.ed.jp/shonandai-h</t>
  </si>
  <si>
    <t>https://www.pen-kanagawa.ed.jp/odawara-h</t>
  </si>
  <si>
    <t>https://www.pen-kanagawa.ed.jp/odawarahigashi-h</t>
  </si>
  <si>
    <t>https://www.pen-kanagawa.ed.jp/odawarajohoku-th</t>
  </si>
  <si>
    <t>https://www.pen-kanagawa.ed.jp/chigasaki-h</t>
  </si>
  <si>
    <t>https://www.pen-kanagawa.ed.jp/tsurumine-h</t>
  </si>
  <si>
    <t>https://www.pen-kanagawa.ed.jp/chigasakinishihama-h</t>
  </si>
  <si>
    <t>https://www.pen-kanagawa.ed.jp/hadano-h</t>
  </si>
  <si>
    <t>https://www.pen-kanagawa.ed.jp/hadanosogo-ih</t>
  </si>
  <si>
    <t>https://www.pen-kanagawa.ed.jp/hadanosoya-h</t>
  </si>
  <si>
    <t>https://www.pen-kanagawa.ed.jp/atsugi-h</t>
  </si>
  <si>
    <t>https://www.pen-kanagawa.ed.jp/atsugihigashi-h</t>
  </si>
  <si>
    <t>https://www.pen-kanagawa.ed.jp/atsugi-ch</t>
  </si>
  <si>
    <t>https://www.pen-kanagawa.ed.jp/atsugikita-h</t>
  </si>
  <si>
    <t>https://www.pen-kanagawa.ed.jp/atsugiseinan-h</t>
  </si>
  <si>
    <t>https://www.pen-kanagawa.ed.jp/atsuginishi-h</t>
  </si>
  <si>
    <t>https://www.pen-kanagawa.ed.jp/yamatominami-h</t>
  </si>
  <si>
    <t>https://www.pen-kanagawa.ed.jp/yamatohigashi-h</t>
  </si>
  <si>
    <t>https://www.pen-kanagawa.ed.jp/yamatonishi-h</t>
  </si>
  <si>
    <t>https://www.pen-kanagawa.ed.jp/isehara-h</t>
  </si>
  <si>
    <t>https://www.pen-kanagawa.ed.jp/ishida-h</t>
  </si>
  <si>
    <t>https://www.pen-kanagawa.ed.jp/chuo-ah</t>
  </si>
  <si>
    <t>252-0029</t>
    <phoneticPr fontId="18"/>
  </si>
  <si>
    <t>神奈川県座間市入谷西5-11-1</t>
    <rPh sb="9" eb="10">
      <t>ニシ</t>
    </rPh>
    <phoneticPr fontId="18"/>
  </si>
  <si>
    <t>https://www.pen-kanagawa.ed.jp/zama-h</t>
  </si>
  <si>
    <t>https://www.pen-kanagawa.ed.jp/zamasogo-ih</t>
  </si>
  <si>
    <t>https://www.pen-kanagawa.ed.jp/sagamikoyokan-h</t>
  </si>
  <si>
    <t>https://www.pen-kanagawa.ed.jp/ashigara-h</t>
  </si>
  <si>
    <t>https://www.pen-kanagawa.ed.jp/ayase-h</t>
  </si>
  <si>
    <t>https://www.pen-kanagawa.ed.jp/ayasenishi-h</t>
  </si>
  <si>
    <t>https://www.pen-kanagawa.ed.jp/samukawa-h</t>
  </si>
  <si>
    <t>https://www.pen-kanagawa.ed.jp/ninomiya-h</t>
  </si>
  <si>
    <t>https://www.pen-kanagawa.ed.jp/oi-h</t>
  </si>
  <si>
    <t>https://www.pen-kanagawa.ed.jp/yamakita-h</t>
  </si>
  <si>
    <t>全日単位／都市農業・食品加工・環境緑地・生活科学</t>
    <rPh sb="20" eb="22">
      <t>セイカツ</t>
    </rPh>
    <rPh sb="22" eb="24">
      <t>カガク</t>
    </rPh>
    <phoneticPr fontId="18"/>
  </si>
  <si>
    <t>https://www.pen-kanagawa.ed.jp/aikawa-h</t>
  </si>
  <si>
    <t>0150000500</t>
  </si>
  <si>
    <t>0150000501</t>
  </si>
  <si>
    <t>0150000502</t>
  </si>
  <si>
    <t>0150000503</t>
  </si>
  <si>
    <t>ＰＯＩコード</t>
    <phoneticPr fontId="18"/>
  </si>
  <si>
    <t>公共施設種別コード</t>
    <rPh sb="0" eb="2">
      <t>コウキョウ</t>
    </rPh>
    <rPh sb="2" eb="4">
      <t>シセツ</t>
    </rPh>
    <rPh sb="4" eb="6">
      <t>シュベツ</t>
    </rPh>
    <phoneticPr fontId="18"/>
  </si>
  <si>
    <t>その他の情報について自由記載</t>
    <rPh sb="2" eb="3">
      <t>タ</t>
    </rPh>
    <rPh sb="4" eb="6">
      <t>ジョウホウ</t>
    </rPh>
    <rPh sb="10" eb="12">
      <t>ジユウ</t>
    </rPh>
    <rPh sb="12" eb="14">
      <t>キサイ</t>
    </rPh>
    <phoneticPr fontId="18"/>
  </si>
  <si>
    <t>https://www1.fujisawa-kng.ed.jp/efjsa/</t>
    <phoneticPr fontId="18"/>
  </si>
  <si>
    <t>https://www1.fujisawa-kng.ed.jp/emeij/</t>
    <phoneticPr fontId="18"/>
  </si>
  <si>
    <t>https://www1.fujisawa-kng.ed.jp/ekuge/</t>
    <phoneticPr fontId="18"/>
  </si>
  <si>
    <t>https://www1.fujisawa-kng.ed.jp/ehonc/</t>
    <phoneticPr fontId="18"/>
  </si>
  <si>
    <t>https://www1.fujisawa-kng.ed.jp/emura/</t>
    <phoneticPr fontId="18"/>
  </si>
  <si>
    <t>https://www1.fujisawa-kng.ed.jp/emuts/</t>
    <phoneticPr fontId="18"/>
  </si>
  <si>
    <t>https://www1.fujisawa-kng.ed.jp/etsuj/</t>
    <phoneticPr fontId="18"/>
  </si>
  <si>
    <t>https://www1.fujisawa-kng.ed.jp/ekoyo/</t>
    <phoneticPr fontId="18"/>
  </si>
  <si>
    <t>https://www1.fujisawa-kng.ed.jp/ekata/</t>
    <phoneticPr fontId="18"/>
  </si>
  <si>
    <t>https://www1.fujisawa-kng.ed.jp/edaid/</t>
    <phoneticPr fontId="18"/>
  </si>
  <si>
    <t>https://www1.fujisawa-kng.ed.jp/eakih/</t>
    <phoneticPr fontId="18"/>
  </si>
  <si>
    <t>https://www1.fujisawa-kng.ed.jp/egosh/</t>
    <phoneticPr fontId="18"/>
  </si>
  <si>
    <t>https://www1.fujisawa-kng.ed.jp/echog/</t>
    <phoneticPr fontId="18"/>
  </si>
  <si>
    <t>https://www1.fujisawa-kng.ed.jp/eyama/</t>
    <phoneticPr fontId="18"/>
  </si>
  <si>
    <t>https://www1.fujisawa-kng.ed.jp/etaks/</t>
    <phoneticPr fontId="18"/>
  </si>
  <si>
    <t>https://www1.fujisawa-kng.ed.jp/ezeng/</t>
    <phoneticPr fontId="18"/>
  </si>
  <si>
    <t>https://www1.fujisawa-kng.ed.jp/efjmi/</t>
    <phoneticPr fontId="18"/>
  </si>
  <si>
    <t>https://www1.fujisawa-kng.ed.jp/ekona/</t>
    <phoneticPr fontId="18"/>
  </si>
  <si>
    <t>https://www1.fujisawa-kng.ed.jp/ehama/</t>
    <phoneticPr fontId="18"/>
  </si>
  <si>
    <t>https://www1.fujisawa-kng.ed.jp/emata/</t>
    <phoneticPr fontId="18"/>
  </si>
  <si>
    <t>https://www1.fujisawa-kng.ed.jp/eohko/</t>
    <phoneticPr fontId="18"/>
  </si>
  <si>
    <t>https://www1.fujisawa-kng.ed.jp/ehato/</t>
    <phoneticPr fontId="18"/>
  </si>
  <si>
    <t>https://www1.fujisawa-kng.ed.jp/eshon/</t>
    <phoneticPr fontId="18"/>
  </si>
  <si>
    <t>https://www1.fujisawa-kng.ed.jp/eohba/</t>
    <phoneticPr fontId="18"/>
  </si>
  <si>
    <t>https://www1.fujisawa-kng.ed.jp/ekame/</t>
    <phoneticPr fontId="18"/>
  </si>
  <si>
    <t>https://www1.fujisawa-kng.ed.jp/eshin/</t>
    <phoneticPr fontId="18"/>
  </si>
  <si>
    <t>https://www1.fujisawa-kng.ed.jp/enaka/</t>
    <phoneticPr fontId="18"/>
  </si>
  <si>
    <t>https://www1.fujisawa-kng.ed.jp/etaki/</t>
    <phoneticPr fontId="18"/>
  </si>
  <si>
    <t>https://www1.fujisawa-kng.ed.jp/edaig/</t>
    <phoneticPr fontId="18"/>
  </si>
  <si>
    <t>https://www1.fujisawa-kng.ed.jp/etenj/</t>
    <phoneticPr fontId="18"/>
  </si>
  <si>
    <t>https://www1.fujisawa-kng.ed.jp/ekoma/</t>
    <phoneticPr fontId="18"/>
  </si>
  <si>
    <t>https://www1.fujisawa-kng.ed.jp/etaka/</t>
    <phoneticPr fontId="18"/>
  </si>
  <si>
    <t>https://www1.fujisawa-kng.ed.jp/ekoit/</t>
    <phoneticPr fontId="18"/>
  </si>
  <si>
    <t>https://www1.fujisawa-kng.ed.jp/eoshi/</t>
    <phoneticPr fontId="18"/>
  </si>
  <si>
    <t>https://www1.fujisawa-kng.ed.jp/eishi/</t>
    <phoneticPr fontId="18"/>
  </si>
  <si>
    <t>https://www1.fujisawa-kng.ed.jp/jdaii/</t>
    <phoneticPr fontId="18"/>
  </si>
  <si>
    <t>https://www1.fujisawa-kng.ed.jp/jmeij/</t>
    <phoneticPr fontId="18"/>
  </si>
  <si>
    <t>https://www1.fujisawa-kng.ed.jp/jmuts/</t>
    <phoneticPr fontId="18"/>
  </si>
  <si>
    <t>https://www1.fujisawa-kng.ed.jp/jkata/</t>
    <phoneticPr fontId="18"/>
  </si>
  <si>
    <t>https://www1.fujisawa-kng.ed.jp/jgosh/</t>
    <phoneticPr fontId="18"/>
  </si>
  <si>
    <t>https://www1.fujisawa-kng.ed.jp/jchog/</t>
    <phoneticPr fontId="18"/>
  </si>
  <si>
    <t>https://www1.fujisawa-kng.ed.jp/jzeng/</t>
    <phoneticPr fontId="18"/>
  </si>
  <si>
    <t>https://www1.fujisawa-kng.ed.jp/jakih/</t>
    <phoneticPr fontId="18"/>
  </si>
  <si>
    <t>https://www1.fujisawa-kng.ed.jp/johba/</t>
    <phoneticPr fontId="18"/>
  </si>
  <si>
    <t>https://www1.fujisawa-kng.ed.jp/jshon/</t>
    <phoneticPr fontId="18"/>
  </si>
  <si>
    <t>https://www1.fujisawa-kng.ed.jp/jtaka/</t>
    <phoneticPr fontId="18"/>
  </si>
  <si>
    <t>https://www1.fujisawa-kng.ed.jp/jtaki/</t>
    <phoneticPr fontId="18"/>
  </si>
  <si>
    <t>https://www1.fujisawa-kng.ed.jp/johsh/</t>
    <phoneticPr fontId="18"/>
  </si>
  <si>
    <t>https://www1.fujisawa-kng.ed.jp/jkuge/</t>
    <phoneticPr fontId="18"/>
  </si>
  <si>
    <t>https://www1.fujisawa-kng.ed.jp/jshoy/</t>
    <phoneticPr fontId="18"/>
  </si>
  <si>
    <t>https://www1.fujisawa-kng.ed.jp/jfuji/</t>
    <phoneticPr fontId="18"/>
  </si>
  <si>
    <t>https://www1.fujisawa-kng.ed.jp/jtakh/</t>
    <phoneticPr fontId="18"/>
  </si>
  <si>
    <t>https://www1.fujisawa-kng.ed.jp/jmura/</t>
    <phoneticPr fontId="18"/>
  </si>
  <si>
    <t>https://www1.fujisawa-kng.ed.jp/jhato/</t>
    <phoneticPr fontId="18"/>
  </si>
  <si>
    <t>神奈川県座間市入谷西5-8-1</t>
    <rPh sb="9" eb="10">
      <t>ニシ</t>
    </rPh>
    <phoneticPr fontId="18"/>
  </si>
  <si>
    <t>No</t>
    <phoneticPr fontId="18"/>
  </si>
  <si>
    <t>最終更新日</t>
    <rPh sb="0" eb="2">
      <t>サイシュウ</t>
    </rPh>
    <rPh sb="2" eb="5">
      <t>コウシンビ</t>
    </rPh>
    <phoneticPr fontId="18"/>
  </si>
  <si>
    <t>https://www.edu.city.yokohama.lg.jp/school/es/ushioda/</t>
  </si>
  <si>
    <t>https://www.edu.city.yokohama.lg.jp/school/es/higashidai/</t>
  </si>
  <si>
    <t>https://www.edu.city.yokohama.lg.jp/school/es/asahi/</t>
  </si>
  <si>
    <t>https://www.edu.city.yokohama.lg.jp/school/es/namamugi/</t>
  </si>
  <si>
    <t>https://www.edu.city.yokohama.lg.jp/school/es/shitanoya/</t>
  </si>
  <si>
    <t>https://www.edu.city.yokohama.lg.jp/school/es/irifune/</t>
  </si>
  <si>
    <t>https://www.edu.city.yokohama.lg.jp/school/es/tsurumi/</t>
  </si>
  <si>
    <t>https://www.edu.city.yokohama.lg.jp/school/es/heian/</t>
  </si>
  <si>
    <t>https://www.edu.city.yokohama.lg.jp/school/es/kishiya/</t>
  </si>
  <si>
    <t>https://www.edu.city.yokohama.lg.jp/school/es/yako/</t>
  </si>
  <si>
    <t>https://www.edu.city.yokohama.lg.jp/school/es/kamisueyoshi/</t>
  </si>
  <si>
    <t>https://www.edu.city.yokohama.lg.jp/school/es/shimosueyoshi/</t>
  </si>
  <si>
    <t>https://www.edu.city.yokohama.lg.jp/school/es/terao/</t>
  </si>
  <si>
    <t>https://www.edu.city.yokohama.lg.jp/school/es/shioiri/</t>
  </si>
  <si>
    <t>https://www.edu.city.yokohama.lg.jp/school/es/baba/</t>
  </si>
  <si>
    <t>https://www.edu.city.yokohama.lg.jp/school/es/komaoka/</t>
  </si>
  <si>
    <t>https://www.edu.city.yokohama.lg.jp/school/es/shishigaya/</t>
  </si>
  <si>
    <t>https://www.edu.city.yokohama.lg.jp/school/es/kamiterao/</t>
  </si>
  <si>
    <t>https://www.edu.city.yokohama.lg.jp/school/es/shintsurumi/</t>
  </si>
  <si>
    <t>https://www.edu.city.yokohama.lg.jp/school/es/koyasu/</t>
  </si>
  <si>
    <t>https://www.edu.city.yokohama.lg.jp/school/es/aoki/</t>
  </si>
  <si>
    <t>https://www.edu.city.yokohama.lg.jp/school/es/kanagawa/</t>
  </si>
  <si>
    <t>https://www.edu.city.yokohama.lg.jp/school/es/kamihashi/</t>
  </si>
  <si>
    <t>https://www.edu.city.yokohama.lg.jp/school/es/futatsuya/</t>
  </si>
  <si>
    <t>https://www.edu.city.yokohama.lg.jp/school/es/urashima/</t>
  </si>
  <si>
    <t>https://www.edu.city.yokohama.lg.jp/school/es/kohgaya/</t>
  </si>
  <si>
    <t>https://www.edu.city.yokohama.lg.jp/school/es/mitsuzawa/</t>
  </si>
  <si>
    <t>https://www.edu.city.yokohama.lg.jp/school/es/shirahata/</t>
  </si>
  <si>
    <t>https://www.edu.city.yokohama.lg.jp/school/es/saitobun/</t>
  </si>
  <si>
    <t>https://www.edu.city.yokohama.lg.jp/school/es/nishiterao/</t>
  </si>
  <si>
    <t>https://www.edu.city.yokohama.lg.jp/school/es/oguchidai/</t>
  </si>
  <si>
    <t>https://www.edu.city.yokohama.lg.jp/school/es/kandaiji/</t>
  </si>
  <si>
    <t>https://www.edu.city.yokohama.jp/sch/es/nishiterao2/</t>
  </si>
  <si>
    <t>https://www.edu.city.yokohama.lg.jp/school/es/nakamaru/</t>
  </si>
  <si>
    <t>https://www.edu.city.yokohama.lg.jp/school/es/hazawa/</t>
  </si>
  <si>
    <t>横浜市立菅田の丘小学校</t>
    <rPh sb="4" eb="6">
      <t>スガタ</t>
    </rPh>
    <rPh sb="7" eb="8">
      <t>オカ</t>
    </rPh>
    <rPh sb="8" eb="11">
      <t>ショウガッコウ</t>
    </rPh>
    <phoneticPr fontId="20"/>
  </si>
  <si>
    <t>045-472-5803</t>
    <phoneticPr fontId="18"/>
  </si>
  <si>
    <t>045-472-9827</t>
    <phoneticPr fontId="18"/>
  </si>
  <si>
    <t>https://www.edu.city.yokohama.lg.jp/school/es/sugetanooka/</t>
    <phoneticPr fontId="18"/>
  </si>
  <si>
    <t>https://www.edu.city.yokohama.lg.jp/school/es/minamikandaiji/</t>
  </si>
  <si>
    <t>https://www.edu.city.yokohama.lg.jp/school/es/tobe/</t>
  </si>
  <si>
    <t>https://www.edu.city.yokohama.lg.jp/school/es/azuma/</t>
  </si>
  <si>
    <t>https://www.edu.city.yokohama.lg.jp/school/es/hiranuma/</t>
  </si>
  <si>
    <t>https://www.edu.city.yokohama.lg.jp/school/es/miyagaya/</t>
  </si>
  <si>
    <t>https://www.edu.city.yokohama.lg.jp/school/es/ipponmatsu/</t>
  </si>
  <si>
    <t>https://www.edu.city.yokohama.lg.jp/school/es/nishimae/</t>
  </si>
  <si>
    <t>https://www.edu.city.yokohama.lg.jp/school/es/inaridai/</t>
  </si>
  <si>
    <t>https://www.edu.city.yokohama.lg.jp/school/es/sengendai/</t>
  </si>
  <si>
    <t>045-451-1515</t>
    <phoneticPr fontId="23"/>
  </si>
  <si>
    <t>045-451-1511</t>
    <phoneticPr fontId="23"/>
  </si>
  <si>
    <t>https://www.edu.city.yokohama.lg.jp/school/es/minatomiraihoncho/</t>
  </si>
  <si>
    <t>https://www.edu.city.yokohama.lg.jp/school/es/kitagata/</t>
  </si>
  <si>
    <t>https://www.edu.city.yokohama.lg.jp/school/es/motomachi/</t>
  </si>
  <si>
    <t>https://www.edu.city.yokohama.lg.jp/school/es/honcho/</t>
  </si>
  <si>
    <t>https://www.edu.city.yokohama.jp/sch/es/tateno/</t>
  </si>
  <si>
    <t>https://www.edu.city.yokohama.lg.jp/school/es/ohtori/</t>
  </si>
  <si>
    <t>https://www.edu.city.yokohama.lg.jp/school/es/yamamoto/</t>
  </si>
  <si>
    <t>https://www.edu.city.yokohama.lg.jp/school/es/makado/</t>
  </si>
  <si>
    <t>https://www.edu.city.yokohama.lg.jp/school/es/honmokuminami/</t>
  </si>
  <si>
    <t>https://www.edu.city.yokohama.lg.jp/school/es/honmoku/</t>
  </si>
  <si>
    <t>https://www.edu.city.yokohama.jp/sch/es/ishikawa/</t>
  </si>
  <si>
    <t>https://www.edu.city.yokohama.lg.jp/school/es/ohoka/</t>
  </si>
  <si>
    <t>https://www.edu.city.yokohama.lg.jp/school/es/ohta/</t>
  </si>
  <si>
    <t>https://www.edu.city.yokohama.jp/sch/es/minamiyoshida/</t>
  </si>
  <si>
    <t>https://www.edu.city.yokohama.lg.jp/school/es/hie/</t>
  </si>
  <si>
    <t>https://www.edu.city.yokohama.lg.jp/school/es/minamiohta/</t>
  </si>
  <si>
    <t>https://www.edu.city.yokohama.lg.jp/school/es/idogaya/</t>
  </si>
  <si>
    <t>https://www.edu.city.yokohama.lg.jp/school/es/maita/</t>
  </si>
  <si>
    <t>https://www.edu.city.yokohama.lg.jp/school/es/nakamura/</t>
  </si>
  <si>
    <t>https://www.edu.city.yokohama.lg.jp/school/es/minami/</t>
  </si>
  <si>
    <t>https://www.edu.city.yokohama.lg.jp/school/es/nagata/</t>
  </si>
  <si>
    <t>https://www.edu.city.yokohama.lg.jp/school/es/mutsukawa/</t>
  </si>
  <si>
    <t>https://www.edu.city.yokohama.lg.jp/school/es/fujinoki/</t>
  </si>
  <si>
    <t>https://www.edu.city.yokohama.jp/sch/es/nagatadai/</t>
  </si>
  <si>
    <t>https://www.edu.city.yokohama.lg.jp/school/es/mutsukawadai/</t>
  </si>
  <si>
    <t>https://www.edu.city.yokohama.lg.jp/school/es/bessho/</t>
  </si>
  <si>
    <t>https://www.edu.city.yokohama.jp/sch/es/mutsukawanishi/</t>
  </si>
  <si>
    <t>https://www.edu.city.yokohama.jp/school/es/hino/</t>
  </si>
  <si>
    <t>https://www.edu.city.yokohama.lg.jp/school/es/nagano/</t>
  </si>
  <si>
    <t>https://www.edu.city.yokohama.lg.jp/school/es/hishita/</t>
  </si>
  <si>
    <t>https://www.edu.city.yokohama.lg.jp/school/es/sakuraoka/</t>
  </si>
  <si>
    <t>https://www.edu.city.yokohama.jp/sch/es/minamidai/</t>
  </si>
  <si>
    <t>https://www.edu.city.yokohama.jp/sch/es/serigaya/</t>
  </si>
  <si>
    <t>https://www.edu.city.yokohama.lg.jp/school/es/yoshihara/</t>
  </si>
  <si>
    <t>https://www.edu.city.yokohama.lg.jp/school/es/shimonagaya/</t>
  </si>
  <si>
    <t>https://www.edu.city.yokohama.lg.jp/school/es/kamiohoka/</t>
  </si>
  <si>
    <t>https://www.edu.city.yokohama.lg.jp/school/es/serigayaminami/</t>
  </si>
  <si>
    <t>https://www.edu.city.yokohama.lg.jp/school/es/higiriyama/</t>
  </si>
  <si>
    <t>https://www.edu.city.yokohama.lg.jp/school/es/kohnandai1/</t>
  </si>
  <si>
    <t>https://www.edu.city.yokohama.lg.jp/school/es/hinominami/</t>
  </si>
  <si>
    <t>https://www.edu.city.yokohama.lg.jp/school/es/shimonoba/</t>
  </si>
  <si>
    <t>https://www.edu.city.yokohama.lg.jp/school/es/sobuyama/</t>
  </si>
  <si>
    <t>https://www.edu.city.yokohama.lg.jp/school/es/nagaya/</t>
  </si>
  <si>
    <t>https://www.edu.city.yokohama.lg.jp/school/es/kohnandai2/</t>
  </si>
  <si>
    <t>https://www.edu.city.yokohama.lg.jp/school/es/kohnandai3/</t>
  </si>
  <si>
    <t>https://www.edu.city.yokohama.lg.jp/school/es/maruyamadai/</t>
  </si>
  <si>
    <t>https://www.edu.city.yokohama.lg.jp/school/es/kotsubo/</t>
  </si>
  <si>
    <t>https://www.edu.city.yokohama.lg.jp/school/es/nobasuzukake/</t>
  </si>
  <si>
    <t>https://www.edu.city.yokohama.lg.jp/school/es/hoshikawa/</t>
  </si>
  <si>
    <t>https://www.edu.city.yokohama.lg.jp/school/es/hodogaya/</t>
  </si>
  <si>
    <t>https://www.edu.city.yokohama.lg.jp/school/es/kawashima/</t>
  </si>
  <si>
    <t>https://www.edu.city.yokohama.lg.jp/school/es/imai/</t>
  </si>
  <si>
    <t>https://www.edu.city.yokohama.lg.jp/school/es/katabira/</t>
  </si>
  <si>
    <t>https://www.edu.city.yokohama.jp/sch/es/mine/</t>
  </si>
  <si>
    <t>https://www.edu.city.yokohama.lg.jp/school/es/iwasaki/</t>
  </si>
  <si>
    <t>https://www.edu.city.yokohama.lg.jp/school/es/fujimidai/</t>
  </si>
  <si>
    <t>https://www.edu.city.yokohama.lg.jp/school/es/sakuradai/</t>
  </si>
  <si>
    <t>https://www.edu.city.yokohama.jp/sch/es/tokiwadai/</t>
  </si>
  <si>
    <t>https://www.edu.city.yokohama.lg.jp/school/es/hatsunegaoka/</t>
  </si>
  <si>
    <t>https://www.edu.city.yokohama.lg.jp/school/es/bukko/</t>
  </si>
  <si>
    <t>https://www.edu.city.yokohama.lg.jp/school/es/kamihoshikawa/</t>
  </si>
  <si>
    <t>横浜市立新井小学校</t>
    <phoneticPr fontId="18"/>
  </si>
  <si>
    <t>https://www.edu.city.yokohama.lg.jp/school/es/arai/</t>
  </si>
  <si>
    <t>045-381-3038</t>
    <phoneticPr fontId="18"/>
  </si>
  <si>
    <t>https://www.edu.city.yokohama.lg.jp/school/es/sakamoto/</t>
  </si>
  <si>
    <t>https://www.edu.city.yokohama.lg.jp/school/es/fujizuka/</t>
  </si>
  <si>
    <t>https://www.edu.city.yokohama.lg.jp/school/es/setogaya/</t>
  </si>
  <si>
    <t>https://www.edu.city.yokohama.lg.jp/school/es/gontazaka/</t>
  </si>
  <si>
    <t>https://www.edu.city.yokohama.lg.jp/school/es/futamatagawa/</t>
  </si>
  <si>
    <t>https://www.edu.city.yokohama.lg.jp/school/es/ichisawa/</t>
  </si>
  <si>
    <t>https://www.edu.city.yokohama.lg.jp/school/es/shirane/</t>
  </si>
  <si>
    <t>https://www.edu.city.yokohama.lg.jp/school/es/tsuoka/</t>
  </si>
  <si>
    <t>https://www.edu.city.yokohama.lg.jp/school/es/kibogaoka/</t>
  </si>
  <si>
    <t>https://www.edu.city.yokohama.lg.jp/school/es/tsurugamine/</t>
  </si>
  <si>
    <t>https://www.edu.city.yokohama.lg.jp/school/es/honjuku/</t>
  </si>
  <si>
    <t>https://www.edu.city.yokohama.lg.jp/school/es/makigahara/</t>
  </si>
  <si>
    <t>https://www.edu.city.yokohama.lg.jp/school/es/imajuku/</t>
  </si>
  <si>
    <t>https://www.edu.city.yokohama.lg.jp/school/es/higashikibogaoka/</t>
  </si>
  <si>
    <t>https://www.edu.city.yokohama.lg.jp/school/es/kamikawai/</t>
  </si>
  <si>
    <t>https://www.edu.city.yokohama.lg.jp/school/es/sachigaoka/</t>
  </si>
  <si>
    <t>https://www.edu.city.yokohama.lg.jp/school/es/sasanodai/</t>
  </si>
  <si>
    <t>https://www.edu.city.yokohama.lg.jp/school/es/nakazawa/</t>
  </si>
  <si>
    <t>https://www.edu.city.yokohama.lg.jp/school/es/shikinomori/</t>
  </si>
  <si>
    <t>https://www.edu.city.yokohama.lg.jp/school/es/kawai/</t>
  </si>
  <si>
    <t>https://www.edu.city.yokohama.lg.jp/school/es/fudomaru/</t>
  </si>
  <si>
    <t>https://www.edu.city.yokohama.lg.jp/school/es/kamishirane/</t>
  </si>
  <si>
    <t>https://www.edu.city.yokohama.lg.jp/school/es/minamihonjuku/</t>
  </si>
  <si>
    <t>https://www.edu.city.yokohama.jp/sch/es/nakao/</t>
  </si>
  <si>
    <t>https://www.edu.city.yokohama.lg.jp/school/es/zenbu/</t>
  </si>
  <si>
    <t>https://www.edu.city.yokohama.lg.jp/school/es/imajukuminami/</t>
  </si>
  <si>
    <t>https://www.edu.city.yokohama.lg.jp/school/es/wakabadai/</t>
  </si>
  <si>
    <t>https://www.edu.city.yokohama.lg.jp/school/es/sakonyama/</t>
  </si>
  <si>
    <t>https://www.edu.city.yokohama.lg.jp/school/es/isogo/</t>
  </si>
  <si>
    <t>https://www.edu.city.yokohama.lg.jp/school/es/sugita/</t>
  </si>
  <si>
    <t>https://www.edu.city.yokohama.lg.jp/school/es/negishi/</t>
  </si>
  <si>
    <t>https://www.edu.city.yokohama.lg.jp/school/es/takigashira/</t>
  </si>
  <si>
    <t>https://www.edu.city.yokohama.jp/sch/es/hama/</t>
  </si>
  <si>
    <t>https://www.edu.city.yokohama.lg.jp/school/es/byobugaura/</t>
  </si>
  <si>
    <t>https://www.edu.city.yokohama.lg.jp/school/es/bairin/</t>
  </si>
  <si>
    <t>https://www.edu.city.yokohama.lg.jp/school/es/okamura/</t>
  </si>
  <si>
    <t>https://www.edu.city.yokohama.lg.jp/school/es/shiomidai/</t>
  </si>
  <si>
    <t>https://www.edu.city.yokohama.lg.jp/school/es/yokodai1/</t>
  </si>
  <si>
    <t>https://www.edu.city.yokohama.lg.jp/school/es/yokodai2/</t>
  </si>
  <si>
    <t>https://www.edu.city.yokohama.lg.jp/school/es/sawanosato/</t>
  </si>
  <si>
    <t>https://www.edu.city.yokohama.lg.jp/school/es/yokodai3/</t>
  </si>
  <si>
    <t>https://www.edu.city.yokohama.lg.jp/school/es/yokodai4/</t>
  </si>
  <si>
    <t>https://www.edu.city.yokohama.lg.jp/school/es/morihigashi/</t>
  </si>
  <si>
    <t>https://www.edu.city.yokohama.lg.jp/school/es/sannodai/</t>
  </si>
  <si>
    <t>https://www.edu.city.yokohama.lg.jp/school/es/kanazawa/</t>
  </si>
  <si>
    <t>https://www.edu.city.yokohama.lg.jp/school/es/mutsuura/</t>
  </si>
  <si>
    <t>https://www.edu.city.yokohama.lg.jp/school/es/kamariya/</t>
  </si>
  <si>
    <t>https://www.edu.city.yokohama.lg.jp/school/es/tomioka/</t>
  </si>
  <si>
    <t>https://www.edu.city.yokohama.lg.jp/school/es/daido/</t>
  </si>
  <si>
    <t>https://www.edu.city.yokohama.lg.jp/school/es/hakkei/</t>
  </si>
  <si>
    <t>https://www.edu.city.yokohama.lg.jp/school/es/bunko/</t>
  </si>
  <si>
    <t>https://www.edu.city.yokohama.lg.jp/school/es/segasaki/</t>
  </si>
  <si>
    <t>https://www.edu.city.yokohama.lg.jp/school/es/nishishiba/</t>
  </si>
  <si>
    <t>https://www.edu.city.yokohama.lg.jp/school/es/nishitomioka/</t>
  </si>
  <si>
    <t>https://www.edu.city.yokohama.lg.jp/school/es/asahina/</t>
  </si>
  <si>
    <t>https://www.edu.city.yokohama.lg.jp/school/es/takafunedai/</t>
  </si>
  <si>
    <t>https://www.edu.city.yokohama.lg.jp/school/es/namiki1/</t>
  </si>
  <si>
    <t>https://www.edu.city.yokohama.lg.jp/school/es/kamariyahigashi/</t>
  </si>
  <si>
    <t>https://www.edu.city.yokohama.lg.jp/school/es/namikichuo/</t>
  </si>
  <si>
    <t>https://www.edu.city.yokohama.lg.jp/school/es/namiki4/</t>
  </si>
  <si>
    <t>https://www.edu.city.yokohama.lg.jp/school/es/noukendai/</t>
  </si>
  <si>
    <t>https://www.edu.city.yokohama.lg.jp/school/es/kamariyaminami/</t>
  </si>
  <si>
    <t>https://www.edu.city.yokohama.lg.jp/school/es/koda/</t>
  </si>
  <si>
    <t>https://www.edu.city.yokohama.lg.jp/school/es/mutsuuraminami/</t>
  </si>
  <si>
    <t>https://www.edu.city.yokohama.lg.jp/school/es/noukendaiminami/</t>
  </si>
  <si>
    <t>https://www.edu.city.yokohama.lg.jp/school/es/hiyoshidai/</t>
  </si>
  <si>
    <t>https://www.edu.city.yokohama.lg.jp/school/es/takata/</t>
  </si>
  <si>
    <t>https://www.edu.city.yokohama.lg.jp/school/es/nitta/</t>
  </si>
  <si>
    <t>https://www.edu.city.yokohama.lg.jp/school/es/otsuna/</t>
  </si>
  <si>
    <t>https://www.edu.city.yokohama.lg.jp/school/es/shirosato/</t>
  </si>
  <si>
    <t>https://www.edu.city.yokohama.lg.jp/school/es/kohoku/</t>
  </si>
  <si>
    <t>https://www.edu.city.yokohama.lg.jp/school/es/tsunashima/</t>
  </si>
  <si>
    <t>https://www.edu.city.yokohama.lg.jp/school/es/kikuna/</t>
  </si>
  <si>
    <t>https://www.edu.city.yokohama.lg.jp/school/es/shinohara/</t>
  </si>
  <si>
    <t>https://www.edu.city.yokohama.lg.jp/school/es/shimoda/</t>
  </si>
  <si>
    <t>https://www.edu.city.yokohama.lg.jp/school/es/osone/</t>
  </si>
  <si>
    <t>https://www.edu.city.yokohama.lg.jp/school/es/hiyoshiminami/</t>
  </si>
  <si>
    <t>https://www.edu.city.yokohama.lg.jp/school/es/shinoharanishi/</t>
  </si>
  <si>
    <t>https://www.edu.city.yokohama.lg.jp/school/es/shinyoshida/</t>
  </si>
  <si>
    <t>https://www.edu.city.yokohama.lg.jp/school/es/tsunashimahigashi/</t>
  </si>
  <si>
    <t>https://www.edu.city.yokohama.lg.jp/school/es/morooka/</t>
  </si>
  <si>
    <t>https://www.edu.city.yokohama.lg.jp/school/es/yagami/</t>
  </si>
  <si>
    <t>https://www.edu.city.yokohama.lg.jp/school/es/komabayashi/</t>
  </si>
  <si>
    <t>https://www.edu.city.yokohama.lg.jp/school/es/takatahigashi/</t>
  </si>
  <si>
    <t>https://www.edu.city.yokohama.lg.jp/school/es/futoo/</t>
  </si>
  <si>
    <t>https://www.edu.city.yokohama.lg.jp/school/es/nippa/</t>
  </si>
  <si>
    <t>https://www.edu.city.yokohama.lg.jp/school/es/kitatsunashima/</t>
  </si>
  <si>
    <t>https://www.edu.city.yokohama.lg.jp/school/es/shinyoshida2/</t>
  </si>
  <si>
    <t>https://www.edu.city.yokohama.lg.jp/school/es/mamedo/</t>
  </si>
  <si>
    <t>https://www.edu.city.yokohama.lg.jp/school/es/kozukue/</t>
  </si>
  <si>
    <t>https://www.edu.city.yokohama.lg.jp/school/es/yamashita/</t>
  </si>
  <si>
    <t>https://www.edu.city.yokohama.lg.jp/school/es/nagatsuta/</t>
  </si>
  <si>
    <t>https://www.edu.city.yokohama.lg.jp/school/es/kamoi/</t>
  </si>
  <si>
    <t>https://www.edu.city.yokohama.lg.jp/school/es/niiharu/</t>
  </si>
  <si>
    <t>https://www.edu.city.yokohama.lg.jp/school/es/morinodai/</t>
  </si>
  <si>
    <t>https://www.edu.city.yokohama.lg.jp/school/es/tookaichiba/</t>
  </si>
  <si>
    <t>https://www.edu.city.yokohama.lg.jp/school/es/miho/</t>
  </si>
  <si>
    <t>https://www.edu.city.yokohama.lg.jp/school/es/takeyama/</t>
  </si>
  <si>
    <t>https://www.edu.city.yokohama.lg.jp/school/es/nagatsuta2/</t>
  </si>
  <si>
    <t>https://www.edu.city.yokohama.lg.jp/school/es/higashihongo/</t>
  </si>
  <si>
    <t>https://www.edu.city.yokohama.lg.jp/school/es/kamiyama/</t>
  </si>
  <si>
    <t>https://www.edu.city.yokohama.lg.jp/school/es/midori/</t>
  </si>
  <si>
    <t>https://www.edu.city.yokohama.lg.jp/school/es/ibukino/</t>
  </si>
  <si>
    <t>https://www.edu.city.yokohama.lg.jp/school/es/nakayama/</t>
  </si>
  <si>
    <t>https://www.edu.city.yokohama.lg.jp/school/es/yamashitamidoridai/</t>
  </si>
  <si>
    <t>https://www.edu.city.yokohama.lg.jp/school/es/kurogane/</t>
  </si>
  <si>
    <t>https://www.edu.city.yokohama.lg.jp/school/es/yamoto/</t>
  </si>
  <si>
    <t>https://www.edu.city.yokohama.lg.jp/school/es/tana/</t>
  </si>
  <si>
    <t>https://www.edu.city.yokohama.lg.jp/school/es/yamauchi/</t>
  </si>
  <si>
    <t>https://www.edu.city.yokohama.lg.jp/school/es/nara/</t>
  </si>
  <si>
    <t>https://www.edu.city.yokohama.lg.jp/school/es/tsutsujigaoka/</t>
  </si>
  <si>
    <t>https://www.edu.city.yokohama.lg.jp/school/es/utsukushigaoka/</t>
  </si>
  <si>
    <t>https://www.edu.city.yokohama.lg.jp/school/es/aobadai/</t>
  </si>
  <si>
    <t>https://www.edu.city.yokohama.lg.jp/school/es/enokigaoka/</t>
  </si>
  <si>
    <t>https://www.edu.city.yokohama.lg.jp/school/es/moegino/</t>
  </si>
  <si>
    <t>https://www.edu.city.yokohama.lg.jp/school/es/motoishikawa/</t>
  </si>
  <si>
    <t>https://www.edu.city.yokohama.lg.jp/school/es/mitakedai/</t>
  </si>
  <si>
    <t>https://www.edu.city.yokohama.lg.jp/school/es/fujigaoka/</t>
  </si>
  <si>
    <t>https://www.edu.city.yokohama.lg.jp/school/es/utsukushigaokahigashi/</t>
  </si>
  <si>
    <t>https://www.edu.city.yokohama.lg.jp/school/es/ichigao/</t>
  </si>
  <si>
    <t>https://www.edu.city.yokohama.lg.jp/school/es/azamino1/</t>
  </si>
  <si>
    <t>https://www.edu.city.yokohama.lg.jp/school/es/azamino2/</t>
  </si>
  <si>
    <t>https://www.edu.city.yokohama.lg.jp/school/es/kenzan/</t>
  </si>
  <si>
    <t>https://www.edu.city.yokohama.lg.jp/school/es/kamoshida1/</t>
  </si>
  <si>
    <t>https://www.edu.city.yokohama.lg.jp/school/es/higashiichigao/</t>
  </si>
  <si>
    <t>https://www.edu.city.yokohama.lg.jp/school/es/kamoshidamidori/</t>
  </si>
  <si>
    <t>https://www.edu.city.yokohama.lg.jp/school/es/ekoda/</t>
  </si>
  <si>
    <t>https://www.edu.city.yokohama.lg.jp/school/es/onda/</t>
  </si>
  <si>
    <t>https://www.edu.city.yokohama.lg.jp/school/es/shinishikawa/</t>
  </si>
  <si>
    <t>https://www.edu.city.yokohama.lg.jp/school/es/satsukigaoka/</t>
  </si>
  <si>
    <t>https://www.edu.city.yokohama.lg.jp/school/es/edanishi/</t>
  </si>
  <si>
    <t>https://www.edu.city.yokohama.lg.jp/school/es/katsura/</t>
  </si>
  <si>
    <t>https://www.edu.city.yokohama.lg.jp/school/es/naranooka/</t>
  </si>
  <si>
    <t>https://www.edu.city.yokohama.lg.jp/school/es/kurosuda/</t>
  </si>
  <si>
    <t>https://www.edu.city.yokohama.lg.jp/school/es/utsukushigaokanishi/</t>
  </si>
  <si>
    <t>https://www.edu.city.yokohama.lg.jp/school/es/nakagawa/</t>
  </si>
  <si>
    <t>https://www.edu.city.yokohama.lg.jp/school/es/tsuda/</t>
  </si>
  <si>
    <t>https://www.edu.city.yokohama.lg.jp/school/es/kawawa/</t>
  </si>
  <si>
    <t>https://www.edu.city.yokohama.lg.jp/school/es/orimoto/</t>
  </si>
  <si>
    <t>https://www.edu.city.yokohama.lg.jp/school/es/kachida/</t>
  </si>
  <si>
    <t>https://www.edu.city.yokohama.lg.jp/school/es/yamata/</t>
  </si>
  <si>
    <t>https://www.edu.city.yokohama.lg.jp/school/es/eda/</t>
  </si>
  <si>
    <t>https://www.edu.city.yokohama.lg.jp/school/es/sumiregaoka/</t>
  </si>
  <si>
    <t>https://www.edu.city.yokohama.lg.jp/school/es/tsudanishi/</t>
  </si>
  <si>
    <t>https://www.edu.city.yokohama.lg.jp/school/es/edahigashi1/</t>
  </si>
  <si>
    <t>https://www.edu.city.yokohama.lg.jp/school/es/edaminami/</t>
  </si>
  <si>
    <t>https://www.edu.city.yokohama.lg.jp/school/es/chigasaki/</t>
  </si>
  <si>
    <t>https://www.edu.city.yokohama.lg.jp/school/es/nakagawanishi/</t>
  </si>
  <si>
    <t>https://www.edu.city.yokohama.lg.jp/school/es/kawawahigashi/</t>
  </si>
  <si>
    <t>https://www.edu.city.yokohama.lg.jp/school/es/chigasakidai/</t>
  </si>
  <si>
    <t>https://www.edu.city.yokohama.lg.jp/school/es/kitayamata/</t>
  </si>
  <si>
    <t>https://www.edu.city.yokohama.lg.jp/school/es/tsuzuki/</t>
  </si>
  <si>
    <t>https://www.edu.city.yokohama.lg.jp/school/es/minamiyamata/</t>
  </si>
  <si>
    <t>https://www.edu.city.yokohama.lg.jp/school/es/tsuzukinooka/</t>
  </si>
  <si>
    <t>https://www.edu.city.yokohama.lg.jp/school/es/higashiyamata/</t>
  </si>
  <si>
    <t>https://www.edu.city.yokohama.lg.jp/school/es/chigasakihigashi/</t>
  </si>
  <si>
    <t>https://www.edu.city.yokohama.lg.jp/school/es/ushikubo/</t>
  </si>
  <si>
    <t>https://www.edu.city.yokohama.lg.jp/school/es/totsuka/</t>
  </si>
  <si>
    <t>https://www.edu.city.yokohama.lg.jp/school/es/kawakami/</t>
  </si>
  <si>
    <t>https://www.edu.city.yokohama.lg.jp/school/es/taisho/</t>
  </si>
  <si>
    <t>https://www.edu.city.yokohama.lg.jp/school/es/higashitotsuka/</t>
  </si>
  <si>
    <t>https://www.edu.city.yokohama.lg.jp/school/es/gumisawa/</t>
  </si>
  <si>
    <t>https://www.edu.city.yokohama.lg.jp/school/es/sakaigi/</t>
  </si>
  <si>
    <t>https://www.edu.city.yokohama.lg.jp/school/es/kawakamikita/</t>
  </si>
  <si>
    <t>https://www.edu.city.yokohama.lg.jp/school/es/kashio/</t>
  </si>
  <si>
    <t>https://www.edu.city.yokohama.lg.jp/school/es/kosuzume/</t>
  </si>
  <si>
    <t>https://www.edu.city.yokohama.lg.jp/school/es/yabe/</t>
  </si>
  <si>
    <t>https://www.edu.city.yokohama.lg.jp/school/es/minamitotsuka/</t>
  </si>
  <si>
    <t>https://www.edu.city.yokohama.lg.jp/school/es/hirado/</t>
  </si>
  <si>
    <t>https://www.edu.city.yokohama.lg.jp/school/es/fukaya/</t>
  </si>
  <si>
    <t>https://www.edu.city.yokohama.lg.jp/school/es/yokohamafukayadai/</t>
  </si>
  <si>
    <t>https://www.edu.city.yokohama.lg.jp/school/es/higashigumisawa/</t>
  </si>
  <si>
    <t>https://www.edu.city.yokohama.lg.jp/school/es/nase/</t>
  </si>
  <si>
    <t>https://www.edu.city.yokohama.lg.jp/school/es/hiradodai/</t>
  </si>
  <si>
    <t>https://www.edu.city.yokohama.lg.jp/school/es/torigaoka/</t>
  </si>
  <si>
    <t>https://www.edu.city.yokohama.lg.jp/school/es/minamimaioka/</t>
  </si>
  <si>
    <t>https://www.edu.city.yokohama.lg.jp/school/es/kamiyabe/</t>
  </si>
  <si>
    <t>https://www.edu.city.yokohama.lg.jp/school/es/shinano/</t>
  </si>
  <si>
    <t>https://www.edu.city.yokohama.lg.jp/school/es/akiba/</t>
  </si>
  <si>
    <t>https://www.edu.city.yokohama.lg.jp/school/es/higashimatano/</t>
  </si>
  <si>
    <t>https://www.edu.city.yokohama.lg.jp/school/es/maioka/</t>
  </si>
  <si>
    <t>https://www.edu.city.yokohama.lg.jp/school/es/kurata/</t>
  </si>
  <si>
    <t>https://www.edu.city.yokohama.lg.jp/school/es/higashishinano/</t>
  </si>
  <si>
    <t>https://www.edu.city.yokohama.lg.jp/school/es/shimogo/</t>
  </si>
  <si>
    <t>https://www.edu.city.yokohama.lg.jp/school/es/toyoda/</t>
  </si>
  <si>
    <t>https://www.edu.city.yokohama.lg.jp/school/es/hongo/</t>
  </si>
  <si>
    <t>ヨコハマシリツニシホンゴウショウガッコウ</t>
    <phoneticPr fontId="18"/>
  </si>
  <si>
    <t>https://www.edu.city.yokohama.lg.jp/school/es/nishihongo/</t>
  </si>
  <si>
    <t>https://www.edu.city.yokohama.lg.jp/school/es/senshu/</t>
  </si>
  <si>
    <t>https://www.edu.city.yokohama.lg.jp/school/es/iijima/</t>
  </si>
  <si>
    <t>ヨコハマシリツカツラダイショウガッコウ</t>
    <phoneticPr fontId="18"/>
  </si>
  <si>
    <t>https://www.edu.city.yokohama.lg.jp/school/es/katsuradai/</t>
  </si>
  <si>
    <t>https://www.edu.city.yokohama.lg.jp/school/es/hongodai/</t>
  </si>
  <si>
    <t>https://www.edu.city.yokohama.lg.jp/school/es/kamigo/</t>
  </si>
  <si>
    <t>ヨコハマシリツコスガヤショウガッコウ</t>
    <phoneticPr fontId="18"/>
  </si>
  <si>
    <t>https://www.edu.city.yokohama.lg.jp/school/es/kosugaya/</t>
  </si>
  <si>
    <t>ヨコハマシリツクデンショウガッコウ</t>
    <phoneticPr fontId="18"/>
  </si>
  <si>
    <t>https://www.edu.city.yokohama.lg.jp/school/es/kuden/</t>
  </si>
  <si>
    <t>https://www.edu.city.yokohama.lg.jp/school/es/shodo/</t>
  </si>
  <si>
    <t>ヨコハマシリツコヤマダイショウガッコウ</t>
    <phoneticPr fontId="18"/>
  </si>
  <si>
    <t>https://www.edu.city.yokohama.lg.jp/school/es/koyamadai/</t>
  </si>
  <si>
    <t>https://www.edu.city.yokohama.lg.jp/school/es/kasama/</t>
  </si>
  <si>
    <t>ヨコハマシリツサクライショウガッコウ</t>
    <phoneticPr fontId="18"/>
  </si>
  <si>
    <t>https://www.edu.city.yokohama.lg.jp/school/es/sakurai/</t>
  </si>
  <si>
    <t>ヨコハマシリツナカワダショウガッコウ</t>
    <phoneticPr fontId="18"/>
  </si>
  <si>
    <t>https://www.edu.city.yokohama.lg.jp/school/es/nakawada/</t>
  </si>
  <si>
    <t>ヨコハマシリツオカヅショウガッコウ</t>
    <phoneticPr fontId="18"/>
  </si>
  <si>
    <t>https://www.edu.city.yokohama.lg.jp/school/es/okazu/</t>
  </si>
  <si>
    <t>https://www.edu.city.yokohama.lg.jp/school/es/nakada/</t>
  </si>
  <si>
    <t>https://www.edu.city.yokohama.lg.jp/school/es/nakawadaminami/</t>
  </si>
  <si>
    <t>ヨコハマシリツカミイイダショウガッコウ</t>
    <phoneticPr fontId="18"/>
  </si>
  <si>
    <t>https://www.edu.city.yokohama.lg.jp/school/es/kamiiida/</t>
  </si>
  <si>
    <t>ヨコハマシリツヒガシナカダショウガッコウ</t>
    <phoneticPr fontId="18"/>
  </si>
  <si>
    <t>https://www.edu.city.yokohama.lg.jp/school/es/higashinakada/</t>
  </si>
  <si>
    <t>ヨコハマシリツシンバシショウガッコウ</t>
    <phoneticPr fontId="18"/>
  </si>
  <si>
    <t>https://www.edu.city.yokohama.lg.jp/school/es/shinbashi/</t>
  </si>
  <si>
    <t>https://www.edu.city.yokohama.lg.jp/school/es/izumi/</t>
  </si>
  <si>
    <t>ヨコハマシリツシモイズミショウガッコウ</t>
    <phoneticPr fontId="18"/>
  </si>
  <si>
    <t>https://www.edu.city.yokohama.lg.jp/school/es/shimoizumi/</t>
  </si>
  <si>
    <t>https://www.edu.city.yokohama.lg.jp/school/es/kuzuno/</t>
  </si>
  <si>
    <t>ヨコハマシリツイズミノショウガッコウ</t>
    <phoneticPr fontId="18"/>
  </si>
  <si>
    <t>https://www.edu.city.yokohama.lg.jp/school/es/izumino/</t>
  </si>
  <si>
    <t>ヨコハマシリツイセヤマショウガッコウ</t>
    <phoneticPr fontId="18"/>
  </si>
  <si>
    <t>https://www.edu.city.yokohama.lg.jp/school/es/iseyama/</t>
  </si>
  <si>
    <t>ヨコハマシリツニシガオカショウガッコウ</t>
    <phoneticPr fontId="18"/>
  </si>
  <si>
    <t>https://www.edu.city.yokohama.lg.jp/school/es/nishigaoka/</t>
  </si>
  <si>
    <t>https://www.edu.city.yokohama.jp/sch/es/iidakitaicho/</t>
  </si>
  <si>
    <t>ヨコハマシリツセヤショウガッコウ</t>
    <phoneticPr fontId="18"/>
  </si>
  <si>
    <t>https://www.edu.city.yokohama.lg.jp/school/es/seya/</t>
  </si>
  <si>
    <t>https://www.edu.city.yokohama.lg.jp/school/es/hara/</t>
  </si>
  <si>
    <t>https://www.edu.city.yokohama.lg.jp/school/es/kamiseya/</t>
  </si>
  <si>
    <t>ヨコハマシリツミツキョウショウガッコウ</t>
    <phoneticPr fontId="18"/>
  </si>
  <si>
    <t>https://www.edu.city.yokohama.lg.jp/school/es/mitsukyo/</t>
  </si>
  <si>
    <t>ヨコハマシリツミナミセヤショウガッコウ</t>
    <phoneticPr fontId="18"/>
  </si>
  <si>
    <t>https://www.edu.city.yokohama.lg.jp/school/es/minamiseya/</t>
  </si>
  <si>
    <t>ヨコハマシリツフタツバシショウガッコウ</t>
    <phoneticPr fontId="18"/>
  </si>
  <si>
    <t>https://www.edu.city.yokohama.lg.jp/school/es/futatsubashi/</t>
  </si>
  <si>
    <t>https://www.edu.city.yokohama.jp/sch/es/seya2/</t>
  </si>
  <si>
    <t>ヨコハマシリツアイザワショウガッコウ</t>
    <phoneticPr fontId="18"/>
  </si>
  <si>
    <t>https://www.edu.city.yokohama.lg.jp/school/es/aizawa/</t>
  </si>
  <si>
    <t>https://www.edu.city.yokohama.lg.jp/school/es/daimon/</t>
  </si>
  <si>
    <t>https://www.edu.city.yokohama.lg.jp/school/es/seyasakura/</t>
  </si>
  <si>
    <t>ヨコハマシリツアクワショウガッコウ</t>
    <phoneticPr fontId="18"/>
  </si>
  <si>
    <t>https://www.edu.city.yokohama.lg.jp/school/es/akuwa/</t>
  </si>
  <si>
    <t>045-565-1150</t>
    <phoneticPr fontId="18"/>
  </si>
  <si>
    <t>https://www.edu.city.yokohama.lg.jp/school/es/minowa/</t>
  </si>
  <si>
    <t>045-580-0135</t>
    <phoneticPr fontId="18"/>
  </si>
  <si>
    <t>045-382-1161</t>
    <phoneticPr fontId="18"/>
  </si>
  <si>
    <t>045-381-7384</t>
    <phoneticPr fontId="18"/>
  </si>
  <si>
    <t>https://www.edu.city.yokohama.lg.jp/school/es/kamisugetasasanooka/</t>
  </si>
  <si>
    <t>https://www.edu.city.yokohama.lg.jp/school/jhs/ichiba/</t>
  </si>
  <si>
    <t>https://www.edu.city.yokohama.lg.jp/school/jhs/ushioda/</t>
  </si>
  <si>
    <t>https://www.edu.city.yokohama.lg.jp/school/jhs/sueyoshi/</t>
  </si>
  <si>
    <t>https://www.edu.city.yokohama.lg.jp/school/jhs/tsurumi/</t>
  </si>
  <si>
    <t>https://www.edu.city.yokohama.lg.jp/school/jhs/terao/</t>
  </si>
  <si>
    <t>https://www.edu.city.yokohama.lg.jp/school/jhs/namamugi/</t>
  </si>
  <si>
    <t>https://www.edu.city.yokohama.lg.jp/school/jhs/kansei/</t>
  </si>
  <si>
    <t>https://www.edu.city.yokohama.lg.jp/school/jhs/yako/</t>
  </si>
  <si>
    <t>https://www.edu.city.yokohama.lg.jp/school/jhs/kaminomiya/</t>
  </si>
  <si>
    <t>https://www.edu.city.yokohama.lg.jp/school/jhs/hs-sf/</t>
  </si>
  <si>
    <t>https://www.edu.city.yokohama.lg.jp/school/jhs/urashimaoka/</t>
  </si>
  <si>
    <t>https://www.edu.city.yokohama.lg.jp/school/jhs/kuritaya/</t>
  </si>
  <si>
    <t>https://www.edu.city.yokohama.lg.jp/school/jhs/rokkakubashi/</t>
  </si>
  <si>
    <t>https://www.edu.city.yokohama.lg.jp/school/jhs/kanagawa/</t>
  </si>
  <si>
    <t>https://www.edu.city.yokohama.lg.jp/school/jhs/matsumoto/</t>
  </si>
  <si>
    <t>https://www.edu.city.yokohama.lg.jp/school/jhs/nishikidai/</t>
  </si>
  <si>
    <t>https://www.edu.city.yokohama.lg.jp/school/jhs/sugeta/</t>
  </si>
  <si>
    <t>https://www.edu.city.yokohama.lg.jp/school/jhs/oimatsu/</t>
  </si>
  <si>
    <t>https://www.edu.city.yokohama.lg.jp/school/jhs/okano/</t>
  </si>
  <si>
    <t>https://www.edu.city.yokohama.lg.jp/school/jhs/nishi/</t>
  </si>
  <si>
    <t>https://www.edu.city.yokohama.lg.jp/school/jhs/karuizawa/</t>
  </si>
  <si>
    <t>https://www.edu.city.yokohama.lg.jp/school/jhs/minato/</t>
  </si>
  <si>
    <t>https://www.edu.city.yokohama.lg.jp/school/jhs/ohtori/</t>
  </si>
  <si>
    <t>https://www.edu.city.yokohama.lg.jp/school/jhs/nakaodai/</t>
  </si>
  <si>
    <t>https://www.edu.city.yokohama.jp/sch/jhs/honmoku/</t>
  </si>
  <si>
    <t>https://www.edu.city.yokohama.lg.jp/school/jhs/yokohamayoshida/</t>
  </si>
  <si>
    <t>https://www.edu.city.yokohama.lg.jp/school/jhs/kyoshin/</t>
  </si>
  <si>
    <t>https://www.edu.city.yokohama.lg.jp/school/jhs/heiraku/</t>
  </si>
  <si>
    <t>https://www.edu.city.yokohama.lg.jp/school/jhs/maita/</t>
  </si>
  <si>
    <t>https://www.edu.city.yokohama.lg.jp/school/jhs/minami/</t>
  </si>
  <si>
    <t>https://www.edu.city.yokohama.lg.jp/school/jhs/minamigaoka/</t>
  </si>
  <si>
    <t>https://www.edu.city.yokohama.lg.jp/school/jhs/nagata/</t>
  </si>
  <si>
    <t>https://www.edu.city.yokohama.lg.jp/school/jhs/mutsukawa/</t>
  </si>
  <si>
    <t>https://www.edu.city.yokohama.lg.jp/school/jhs/fujinoki/</t>
  </si>
  <si>
    <t>https://www.edu.city.yokohama.jp/sch/jhs/kohnan/</t>
  </si>
  <si>
    <t>https://www.edu.city.yokohama.lg.jp/school/jhs/kaminagaya/</t>
  </si>
  <si>
    <t>https://www.edu.city.yokohama.lg.jp/school/jhs/sasage/</t>
  </si>
  <si>
    <t>https://www.edu.city.yokohama.lg.jp/school/jhs/kohnandai1/</t>
  </si>
  <si>
    <t>https://www.edu.city.yokohama.lg.jp/school/jhs/serigaya/</t>
  </si>
  <si>
    <t>https://www.edu.city.yokohama.lg.jp/school/jhs/higiriyama/</t>
  </si>
  <si>
    <t>https://www.edu.city.yokohama.lg.jp/school/jhs/hinominami/</t>
  </si>
  <si>
    <t>https://www.edu.city.yokohama.lg.jp/school/jhs/higashinagaya/</t>
  </si>
  <si>
    <t>https://www.edu.city.yokohama.jp/sch/jhs/iwasaki/</t>
  </si>
  <si>
    <t>https://www.edu.city.yokohama.lg.jp/school/jhs/hodogaya/</t>
  </si>
  <si>
    <t>https://www.edu.city.yokohama.lg.jp/school/jhs/miyata/</t>
  </si>
  <si>
    <t>https://www.edu.city.yokohama.lg.jp/school/jhs/iwaihara/</t>
  </si>
  <si>
    <t>https://www.edu.city.yokohama.lg.jp/school/jhs/nishiya/</t>
  </si>
  <si>
    <t>https://www.edu.city.yokohama.lg.jp/school/jhs/kamisugeta/</t>
  </si>
  <si>
    <t>https://www.edu.city.yokohama.lg.jp/school/jhs/arai/</t>
  </si>
  <si>
    <t>https://www.edu.city.yokohama.lg.jp/school/jhs/tachibana/</t>
  </si>
  <si>
    <t>https://www.edu.city.yokohama.jp/sch/jhs/tsurugamine/</t>
  </si>
  <si>
    <t>https://www.edu.city.yokohama.lg.jp/school/jhs/makigahara/</t>
  </si>
  <si>
    <t>https://www.edu.city.yokohama.lg.jp/school/jhs/kibogaoka/</t>
  </si>
  <si>
    <t>https://www.edu.city.yokohama.lg.jp/school/jhs/kamishirane/</t>
  </si>
  <si>
    <t>https://www.edu.city.yokohama.lg.jp/school/jhs/sakonyama/</t>
  </si>
  <si>
    <t>https://www.edu.city.yokohama.lg.jp/school/jhs/tsuoka/</t>
  </si>
  <si>
    <t>https://www.edu.city.yokohama.lg.jp/school/jhs/asahi/</t>
  </si>
  <si>
    <t>https://www.edu.city.yokohama.lg.jp/school/jhs/minamikibogaoka/</t>
  </si>
  <si>
    <t>https://www.edu.city.yokohama.lg.jp/school/jhs/imajuku/</t>
  </si>
  <si>
    <t>https://www.edu.city.yokohama.jp/sch/jhs/honjuku/</t>
  </si>
  <si>
    <t>https://www.edu.city.yokohama.lg.jp/school/jhs/wakabadai/</t>
  </si>
  <si>
    <t>https://www.edu.city.yokohama.lg.jp/school/jhs/asahikita/</t>
  </si>
  <si>
    <t>https://www.edu.city.yokohama.lg.jp/school/jhs/negishi/</t>
  </si>
  <si>
    <t>https://www.edu.city.yokohama.lg.jp/school/jhs/hama/</t>
  </si>
  <si>
    <t>https://www.edu.city.yokohama.jp/sch/jhs/okamura/</t>
  </si>
  <si>
    <t>https://www.edu.city.yokohama.lg.jp/school/jhs/shiomidai/</t>
  </si>
  <si>
    <t>https://www.edu.city.yokohama.lg.jp/school/jhs/yokodai1/</t>
  </si>
  <si>
    <t>https://www.edu.city.yokohama.lg.jp/school/jhs/yokodai2/</t>
  </si>
  <si>
    <t>https://www.edu.city.yokohama.lg.jp/school/jhs/mori/</t>
  </si>
  <si>
    <t>https://www.edu.city.yokohama.lg.jp/school/jhs/kanazawa/</t>
  </si>
  <si>
    <t>https://www.edu.city.yokohama.lg.jp/school/jhs/mutsuura/</t>
  </si>
  <si>
    <t>https://www.edu.city.yokohama.lg.jp/school/jhs/daido/</t>
  </si>
  <si>
    <t>https://www.edu.city.yokohama.lg.jp/school/jhs/nishishiba/</t>
  </si>
  <si>
    <t>https://www.edu.city.yokohama.lg.jp/school/jhs/tomioka/</t>
  </si>
  <si>
    <t>https://www.edu.city.yokohama.jp/sch/jhs/tomiokahigashi/</t>
  </si>
  <si>
    <t>https://www.edu.city.yokohama.lg.jp/school/jhs/namiki/</t>
  </si>
  <si>
    <t>https://www.edu.city.yokohama.lg.jp/school/jhs/kamariya/</t>
  </si>
  <si>
    <t>https://www.edu.city.yokohama.lg.jp/school/jhs/koda/</t>
  </si>
  <si>
    <t>https://www.edu.city.yokohama.jp/sch/jhs/shirosato/</t>
  </si>
  <si>
    <t>https://www.edu.city.yokohama.lg.jp/school/jhs/nitta/</t>
  </si>
  <si>
    <t>https://www.edu.city.yokohama.lg.jp/school/jhs/hiyoshidai/</t>
  </si>
  <si>
    <t>https://www.edu.city.yokohama.lg.jp/school/jhs/ohtsuna/</t>
  </si>
  <si>
    <t>https://www.edu.city.yokohama.lg.jp/school/jhs/shinohara/</t>
  </si>
  <si>
    <t>https://www.edu.city.yokohama.lg.jp/school/jhs/tarumachi/</t>
  </si>
  <si>
    <t>https://www.edu.city.yokohama.jp/sch/jhs/hiyoshidainishi/</t>
  </si>
  <si>
    <t>https://www.edu.city.yokohama.lg.jp/school/jhs/nippa/</t>
  </si>
  <si>
    <t>https://www.edu.city.yokohama.lg.jp/school/jhs/takata/</t>
  </si>
  <si>
    <t>https://www.edu.city.yokohama.lg.jp/school/jhs/tana/</t>
  </si>
  <si>
    <t>https://www.edu.city.yokohama.lg.jp/school/jhs/nakayama/</t>
  </si>
  <si>
    <t>https://www.edu.city.yokohama.jp/sch/jhs/tookaichiba/</t>
  </si>
  <si>
    <t>https://www.edu.city.yokohama.lg.jp/school/jhs/kamoi/</t>
  </si>
  <si>
    <t>https://www.edu.city.yokohama.lg.jp/school/jhs/higashikamoi/</t>
  </si>
  <si>
    <t>https://www.edu.city.yokohama.jp/sch/jhs/yamauchi/</t>
  </si>
  <si>
    <t>https://www.edu.city.yokohama.lg.jp/school/jhs/yamoto/</t>
  </si>
  <si>
    <t>https://www.edu.city.yokohama.lg.jp/school/jhs/aobadai/</t>
  </si>
  <si>
    <t>https://www.edu.city.yokohama.lg.jp/school/jhs/mitakedai/</t>
  </si>
  <si>
    <t>https://www.edu.city.yokohama.lg.jp/school/jhs/utsukushigaoka/</t>
  </si>
  <si>
    <t>https://www.edu.city.yokohama.lg.jp/school/jhs/susukino/</t>
  </si>
  <si>
    <t>https://www.edu.city.yokohama.lg.jp/school/jhs/nara/</t>
  </si>
  <si>
    <t>https://www.edu.city.yokohama.lg.jp/school/jhs/midorigaoka/</t>
  </si>
  <si>
    <t>https://www.edu.city.yokohama.lg.jp/school/jhs/moegino/</t>
  </si>
  <si>
    <t>https://www.edu.city.yokohama.lg.jp/school/jhs/azamino/</t>
  </si>
  <si>
    <t>https://www.edu.city.yokohama.lg.jp/school/jhs/kamoshida/</t>
  </si>
  <si>
    <t>https://www.edu.city.yokohama.lg.jp/school/jhs/ichigao/</t>
  </si>
  <si>
    <t>https://www.edu.city.yokohama.lg.jp/school/jhs/akanedai/</t>
  </si>
  <si>
    <t>https://www.edu.city.yokohama.jp/sch/jhs/tsuda/</t>
  </si>
  <si>
    <t>https://www.edu.city.yokohama.lg.jp/school/jhs/nakagawa/</t>
  </si>
  <si>
    <t>https://www.edu.city.yokohama.jp/sch/jhs/kawawa/</t>
  </si>
  <si>
    <t>https://www.edu.city.yokohama.jp/sch/jhs/chigasaki/</t>
  </si>
  <si>
    <t>https://www.edu.city.yokohama.lg.jp/school/jhs/edaminami/</t>
  </si>
  <si>
    <t>https://www.edu.city.yokohama.lg.jp/school/jhs/nakagawanishi/</t>
  </si>
  <si>
    <t>https://www.edu.city.yokohama.lg.jp/school/jhs/higashiyamata/</t>
  </si>
  <si>
    <t>https://www.edu.city.yokohama.lg.jp/school/jhs/hayabuchi/</t>
  </si>
  <si>
    <t>https://www.edu.city.yokohama.lg.jp/school/jhs/taisho/</t>
  </si>
  <si>
    <t>https://www.edu.city.yokohama.lg.jp/school/jhs/totsuka/</t>
  </si>
  <si>
    <t>https://www.edu.city.yokohama.jp/sch/jhs/maioka/</t>
  </si>
  <si>
    <t>https://www.edu.city.yokohama.jp/sch/jhs/sakaigi/</t>
  </si>
  <si>
    <t>https://www.edu.city.yokohama.lg.jp/school/jhs/toyoda/</t>
  </si>
  <si>
    <t>https://www.edu.city.yokohama.lg.jp/school/jhs/gumisawa/</t>
  </si>
  <si>
    <t>https://www.edu.city.yokohama.lg.jp/school/jhs/nase/</t>
  </si>
  <si>
    <t>https://www.edu.city.yokohama.lg.jp/school/jhs/fukaya/</t>
  </si>
  <si>
    <t>https://www.edu.city.yokohama.lg.jp/school/jhs/akiba/</t>
  </si>
  <si>
    <t>https://www.edu.city.yokohama.lg.jp/school/jhs/hirado/</t>
  </si>
  <si>
    <t>https://www.edu.city.yokohama.lg.jp/school/jhs/minamitotsuka/</t>
  </si>
  <si>
    <t>https://www.edu.city.yokohama.lg.jp/school/jhs/hongo/</t>
  </si>
  <si>
    <t>https://www.edu.city.yokohama.lg.jp/school/jhs/kamigo/</t>
  </si>
  <si>
    <t>https://www.edu.city.yokohama.lg.jp/school/jhs/katsuradai/</t>
  </si>
  <si>
    <t>https://www.edu.city.yokohama.lg.jp/school/jhs/nishihongo/</t>
  </si>
  <si>
    <t>https://www.edu.city.yokohama.lg.jp/school/jhs/iijima/</t>
  </si>
  <si>
    <t>https://www.edu.city.yokohama.lg.jp/school/jhs/koyamadai/</t>
  </si>
  <si>
    <t>https://www.edu.city.yokohama.lg.jp/school/jhs/okazu/</t>
  </si>
  <si>
    <t>https://www.edu.city.yokohama.lg.jp/school/jhs/nakawada/</t>
  </si>
  <si>
    <t>https://www.edu.city.yokohama.jp/sch/jhs/izumigaoka/</t>
  </si>
  <si>
    <t>https://www.edu.city.yokohama.lg.jp/school/jhs/nakada/</t>
  </si>
  <si>
    <t>https://www.edu.city.yokohama.jp/sch/jhs/kamiiida/</t>
  </si>
  <si>
    <t>https://www.edu.city.yokohama.lg.jp/school/jhs/izumino/</t>
  </si>
  <si>
    <t>https://www.edu.city.yokohama.lg.jp/school/jhs/ryoke/</t>
  </si>
  <si>
    <t>https://www.edu.city.yokohama.lg.jp/school/jhs/seya/</t>
  </si>
  <si>
    <t>https://www.edu.city.yokohama.jp/sch/jhs/hara/</t>
  </si>
  <si>
    <t>https://www.edu.city.yokohama.lg.jp/school/jhs/minamiseya/</t>
  </si>
  <si>
    <t>https://www.edu.city.yokohama.lg.jp/school/jhs/azumano/</t>
  </si>
  <si>
    <t>https://www.edu.city.yokohama.jp/sch/jhs/shimoseya/</t>
  </si>
  <si>
    <t>233-0013</t>
    <phoneticPr fontId="18"/>
  </si>
  <si>
    <t>045-843-1950</t>
    <phoneticPr fontId="18"/>
  </si>
  <si>
    <t>https://www.edu.city.yokohama.lg.jp/school/jhs/maruyamadai/</t>
  </si>
  <si>
    <t>236-0046</t>
    <phoneticPr fontId="18"/>
  </si>
  <si>
    <t>045-784-0921</t>
    <phoneticPr fontId="18"/>
  </si>
  <si>
    <t>045-701-8045</t>
    <phoneticPr fontId="18"/>
  </si>
  <si>
    <t>https://www.edu.city.yokohama.jp/sch/es-jhs/nishikanazawa/</t>
  </si>
  <si>
    <t>045-921-8002</t>
    <phoneticPr fontId="18"/>
  </si>
  <si>
    <t>045-922-6409</t>
    <phoneticPr fontId="18"/>
  </si>
  <si>
    <t>https://www.edu.city.yokohama.jp/sch/es-jhs/kirigaoka/</t>
  </si>
  <si>
    <t>https://www.edu.city.yokohama.lg.jp/school/jhs/kirigaoka/</t>
  </si>
  <si>
    <t>https://www.edu.city.yokohama.jp/sch/hs/higashi/</t>
  </si>
  <si>
    <t>https://www.edu.city.yokohama.lg.jp/school/hs/m-sogo/</t>
  </si>
  <si>
    <t>横浜市立横浜商業高等学校</t>
    <phoneticPr fontId="18"/>
  </si>
  <si>
    <t>https://www.edu.city.yokohama.jp/sch/hs/y-shogyo/</t>
  </si>
  <si>
    <t>https://www.edu.city.yokohama.lg.jp/school/hs/y-sho-bekka/</t>
  </si>
  <si>
    <t>https://www.edu.city.yokohama.jp/sch/hs/y-sogo/</t>
  </si>
  <si>
    <t>https://www.edu.city.yokohama.jp/sch/hs/sakura/</t>
  </si>
  <si>
    <t>https://www.edu.city.yokohama.jp/sch/hs/kanazawa/</t>
  </si>
  <si>
    <t>横浜市立戸塚高等学校</t>
    <phoneticPr fontId="18"/>
  </si>
  <si>
    <t>https://www.edu.city.yokohama.lg.jp/school/hs/minami/</t>
  </si>
  <si>
    <t>https://www.edu.city.yokohama.lg.jp/school/hs/sfh/</t>
  </si>
  <si>
    <t>0463-53-1442</t>
    <phoneticPr fontId="18"/>
  </si>
  <si>
    <t>平塚市立太洋中学校</t>
    <phoneticPr fontId="21"/>
  </si>
  <si>
    <t>平塚市立春日野中学校</t>
    <phoneticPr fontId="21"/>
  </si>
  <si>
    <t>平塚市立浜岳中学校</t>
    <phoneticPr fontId="21"/>
  </si>
  <si>
    <t>平塚市立中原中学校</t>
    <phoneticPr fontId="21"/>
  </si>
  <si>
    <t>平塚市立大住中学校</t>
    <phoneticPr fontId="21"/>
  </si>
  <si>
    <t>1550001149</t>
    <phoneticPr fontId="18"/>
  </si>
  <si>
    <t>伊勢原市立中沢中学校</t>
    <phoneticPr fontId="21"/>
  </si>
  <si>
    <t>ミルク給食と給食弁当注文方式を実施</t>
    <phoneticPr fontId="18"/>
  </si>
  <si>
    <t>座間市立相模野小学校</t>
    <phoneticPr fontId="18"/>
  </si>
  <si>
    <t>座間市立ひばりが丘小学校</t>
    <phoneticPr fontId="18"/>
  </si>
  <si>
    <t>座間市立相模が丘小学校</t>
    <phoneticPr fontId="18"/>
  </si>
  <si>
    <t>座間市立立野台小学校</t>
    <phoneticPr fontId="18"/>
  </si>
  <si>
    <t>座間市立入谷小学校</t>
    <phoneticPr fontId="18"/>
  </si>
  <si>
    <t>座間市立旭小学校</t>
    <phoneticPr fontId="18"/>
  </si>
  <si>
    <t>座間市立中原小学校</t>
    <phoneticPr fontId="18"/>
  </si>
  <si>
    <t>座間市立座間中学校</t>
    <phoneticPr fontId="18"/>
  </si>
  <si>
    <t>座間市立西中学校</t>
    <phoneticPr fontId="18"/>
  </si>
  <si>
    <t>座間市立東中学校</t>
    <phoneticPr fontId="18"/>
  </si>
  <si>
    <t>座間市立栗原中学校</t>
    <phoneticPr fontId="18"/>
  </si>
  <si>
    <t>座間市立相模中学校</t>
    <phoneticPr fontId="18"/>
  </si>
  <si>
    <t>座間市立南中学校</t>
    <phoneticPr fontId="18"/>
  </si>
  <si>
    <t>0467-78-0053</t>
    <phoneticPr fontId="18"/>
  </si>
  <si>
    <t>1950001206</t>
    <phoneticPr fontId="18"/>
  </si>
  <si>
    <t>0467-78-7085</t>
    <phoneticPr fontId="18"/>
  </si>
  <si>
    <t>0467-78-2368</t>
    <phoneticPr fontId="18"/>
  </si>
  <si>
    <t>0467-78-8312</t>
    <phoneticPr fontId="18"/>
  </si>
  <si>
    <t>1950001209</t>
    <phoneticPr fontId="18"/>
  </si>
  <si>
    <t>0467-78-2848</t>
    <phoneticPr fontId="18"/>
  </si>
  <si>
    <t>0467-78-5690</t>
    <phoneticPr fontId="18"/>
  </si>
  <si>
    <t>0467-77-5801</t>
    <phoneticPr fontId="18"/>
  </si>
  <si>
    <t>0467-77-6135</t>
    <phoneticPr fontId="18"/>
  </si>
  <si>
    <t>0467-77-2001</t>
    <phoneticPr fontId="18"/>
  </si>
  <si>
    <t>0467-77-8450</t>
    <phoneticPr fontId="18"/>
  </si>
  <si>
    <t>0467-78-7108</t>
    <phoneticPr fontId="18"/>
  </si>
  <si>
    <t>0467-78-8568</t>
    <phoneticPr fontId="18"/>
  </si>
  <si>
    <t>0467-77-6142</t>
    <phoneticPr fontId="18"/>
  </si>
  <si>
    <t>1950001218</t>
    <phoneticPr fontId="18"/>
  </si>
  <si>
    <t>0467-77-8457</t>
    <phoneticPr fontId="18"/>
  </si>
  <si>
    <t>1950001219</t>
    <phoneticPr fontId="18"/>
  </si>
  <si>
    <t>0467-76-8613</t>
    <phoneticPr fontId="18"/>
  </si>
  <si>
    <t>2050001220</t>
    <phoneticPr fontId="18"/>
  </si>
  <si>
    <t>2050001221</t>
    <phoneticPr fontId="18"/>
  </si>
  <si>
    <t>神奈川県三浦郡葉山町上山口158</t>
    <phoneticPr fontId="18"/>
  </si>
  <si>
    <t>2050001222</t>
    <phoneticPr fontId="18"/>
  </si>
  <si>
    <t>神奈川県三浦郡葉山町長柄130</t>
    <phoneticPr fontId="18"/>
  </si>
  <si>
    <t>2050001223</t>
    <phoneticPr fontId="18"/>
  </si>
  <si>
    <t>神奈川県三浦郡葉山町一色1060</t>
    <phoneticPr fontId="18"/>
  </si>
  <si>
    <t>2050001224</t>
    <phoneticPr fontId="18"/>
  </si>
  <si>
    <t>神奈川県三浦郡葉山町堀内2247-2</t>
    <phoneticPr fontId="18"/>
  </si>
  <si>
    <t>2050001225</t>
    <phoneticPr fontId="18"/>
  </si>
  <si>
    <t>神奈川県三浦郡葉山町長柄1835</t>
    <phoneticPr fontId="18"/>
  </si>
  <si>
    <t>2350001240</t>
    <phoneticPr fontId="18"/>
  </si>
  <si>
    <t>神奈川県中郡二宮町二宮872-1</t>
    <phoneticPr fontId="18"/>
  </si>
  <si>
    <t>https://ninomiya-elementary-school.edumap.jp/</t>
    <phoneticPr fontId="18"/>
  </si>
  <si>
    <t>https://isshiki-elementary-school.edumap.jp/</t>
    <phoneticPr fontId="18"/>
  </si>
  <si>
    <t>https://yamanishi-elementary-school.edumap.jp/</t>
    <phoneticPr fontId="18"/>
  </si>
  <si>
    <t>2350001243</t>
    <phoneticPr fontId="18"/>
  </si>
  <si>
    <t>神奈川県中郡二宮町二宮54-2</t>
    <phoneticPr fontId="18"/>
  </si>
  <si>
    <t>https://ninomiya-junior-high-school.edumap.jp/</t>
    <phoneticPr fontId="18"/>
  </si>
  <si>
    <t>神奈川県中郡二宮町川匂323</t>
    <phoneticPr fontId="18"/>
  </si>
  <si>
    <t>https://ninomiyanishi-junior-high-school.edumap.jp/</t>
    <phoneticPr fontId="18"/>
  </si>
  <si>
    <t>2750001258</t>
    <phoneticPr fontId="18"/>
  </si>
  <si>
    <t>神奈川県足柄上郡山北町向原405</t>
    <phoneticPr fontId="18"/>
  </si>
  <si>
    <t>神奈川県愛甲郡清川村宮ヶ瀬954-1</t>
    <phoneticPr fontId="18"/>
  </si>
  <si>
    <t>神奈川県愛甲郡清川村煤ヶ谷1933</t>
    <phoneticPr fontId="18"/>
  </si>
  <si>
    <t>成瀬小学校のURLのみ、「https」</t>
    <rPh sb="0" eb="2">
      <t>ナルセ</t>
    </rPh>
    <rPh sb="2" eb="3">
      <t>ショウ</t>
    </rPh>
    <rPh sb="3" eb="5">
      <t>ガッコウ</t>
    </rPh>
    <phoneticPr fontId="18"/>
  </si>
  <si>
    <t>http://www.yugawarayoshihamasyo.jp/</t>
    <phoneticPr fontId="18"/>
  </si>
  <si>
    <t>0250000670</t>
    <phoneticPr fontId="18"/>
  </si>
  <si>
    <t>川崎市立梶ケ谷小学校</t>
    <phoneticPr fontId="18"/>
  </si>
  <si>
    <t>川崎市立西梶ケ谷小学校</t>
    <phoneticPr fontId="18"/>
  </si>
  <si>
    <t>216-0042</t>
    <phoneticPr fontId="18"/>
  </si>
  <si>
    <t>https://www.pen-kanagawa.ed.jp/tsurumi-h</t>
  </si>
  <si>
    <t>https://www.pen-kanagawa.ed.jp/y-seiryo-h</t>
  </si>
  <si>
    <t>https://www.pen-kanagawa.ed.jp/shoko-h</t>
  </si>
  <si>
    <t>https://www.pen-kanagawa.ed.jp/hodogaya-h</t>
  </si>
  <si>
    <t>https://www.pen-kanagawa.ed.jp/futamatagawa-h</t>
  </si>
  <si>
    <t>https://www.pen-kanagawa.ed.jp/asahi-h</t>
  </si>
  <si>
    <t>https://www.pen-kanagawa.ed.jp/tana-h</t>
  </si>
  <si>
    <t>https://www.pen-kanagawa.ed.jp/yurigaoka-h</t>
  </si>
  <si>
    <t>https://www.pen-kanagawa.ed.jp/suge-h</t>
  </si>
  <si>
    <t>https://www.pen-kanagawa.ed.jp/asao-h</t>
  </si>
  <si>
    <t>https://www.pen-kanagawa.ed.jp/sagamitana-h</t>
  </si>
  <si>
    <t>https://www.pen-kanagawa.ed.jp/asamizodai-h</t>
  </si>
  <si>
    <t>https://www.pen-kanagawa.ed.jp/kaiyokagaku-h</t>
  </si>
  <si>
    <t>https://www.pen-kanagawa.ed.jp/hiratsukanousyou-h</t>
  </si>
  <si>
    <t>https://www.pen-kanagawa.ed.jp/takahama-h</t>
  </si>
  <si>
    <t>https://www.pen-kanagawa.ed.jp/shonan-h</t>
  </si>
  <si>
    <t>https://www.pen-kanagawa.ed.jp/fujisawaseiryu-h</t>
  </si>
  <si>
    <t>https://www.pen-kanagawa.ed.jp/seisho-h</t>
  </si>
  <si>
    <t>https://www.pen-kanagawa.ed.jp/chigasakihokuryo-h</t>
  </si>
  <si>
    <t>https://www.pen-kanagawa.ed.jp/miurahasse-h</t>
  </si>
  <si>
    <t>https://www.pen-kanagawa.ed.jp/yamato-h</t>
  </si>
  <si>
    <t>https://www.pen-kanagawa.ed.jp/ebina-h</t>
  </si>
  <si>
    <t>https://www.pen-kanagawa.ed.jp/oiso-h</t>
  </si>
  <si>
    <t>https://www.pen-kanagawa.ed.jp/yoshidajima-h</t>
  </si>
  <si>
    <t>https://www.pen-kanagawa.ed.jp/sagamihara-chuto-ss</t>
  </si>
  <si>
    <t>https://www.pen-kanagawa.ed.jp/hiratsuka-chuto-ss</t>
  </si>
  <si>
    <t>http://www.city-zushi.ed.jp/e-zushi/</t>
    <phoneticPr fontId="18"/>
  </si>
  <si>
    <t>http://www.city-zushi.ed.jp/e-kotubo/</t>
    <phoneticPr fontId="18"/>
  </si>
  <si>
    <t>http://www.city-zushi.ed.jp/j-zushi/</t>
    <phoneticPr fontId="18"/>
  </si>
  <si>
    <t>逗子市立久木中学校</t>
    <phoneticPr fontId="21"/>
  </si>
  <si>
    <t>0350000671</t>
    <phoneticPr fontId="18"/>
  </si>
  <si>
    <t>0350000675</t>
    <phoneticPr fontId="18"/>
  </si>
  <si>
    <t>0350000677</t>
    <phoneticPr fontId="18"/>
  </si>
  <si>
    <t>0350000678</t>
    <phoneticPr fontId="18"/>
  </si>
  <si>
    <t>0350000679</t>
    <phoneticPr fontId="18"/>
  </si>
  <si>
    <t>0350000680</t>
    <phoneticPr fontId="18"/>
  </si>
  <si>
    <t>0350000681</t>
    <phoneticPr fontId="18"/>
  </si>
  <si>
    <t>0350000682</t>
    <phoneticPr fontId="18"/>
  </si>
  <si>
    <t>0350000684</t>
    <phoneticPr fontId="18"/>
  </si>
  <si>
    <t>0350000685</t>
    <phoneticPr fontId="18"/>
  </si>
  <si>
    <t>0350000686</t>
    <phoneticPr fontId="18"/>
  </si>
  <si>
    <t>0350000687</t>
    <phoneticPr fontId="18"/>
  </si>
  <si>
    <t>0350000688</t>
    <phoneticPr fontId="18"/>
  </si>
  <si>
    <t>0350000689</t>
    <phoneticPr fontId="18"/>
  </si>
  <si>
    <t>0350000690</t>
    <phoneticPr fontId="18"/>
  </si>
  <si>
    <t>0350000691</t>
    <phoneticPr fontId="18"/>
  </si>
  <si>
    <t>0350000693</t>
    <phoneticPr fontId="18"/>
  </si>
  <si>
    <t>0350000694</t>
    <phoneticPr fontId="18"/>
  </si>
  <si>
    <t>0350000696</t>
    <phoneticPr fontId="18"/>
  </si>
  <si>
    <t>0350000697</t>
    <phoneticPr fontId="18"/>
  </si>
  <si>
    <t>0350000699</t>
    <phoneticPr fontId="18"/>
  </si>
  <si>
    <t>0350000700</t>
    <phoneticPr fontId="18"/>
  </si>
  <si>
    <t>0350000701</t>
    <phoneticPr fontId="18"/>
  </si>
  <si>
    <t>0350000702</t>
    <phoneticPr fontId="18"/>
  </si>
  <si>
    <t>0350000705</t>
    <phoneticPr fontId="18"/>
  </si>
  <si>
    <t>0350000706</t>
    <phoneticPr fontId="18"/>
  </si>
  <si>
    <t>0350000707</t>
    <phoneticPr fontId="18"/>
  </si>
  <si>
    <t>0350000709</t>
    <phoneticPr fontId="18"/>
  </si>
  <si>
    <t>0350000713</t>
    <phoneticPr fontId="18"/>
  </si>
  <si>
    <t>0350000715</t>
    <phoneticPr fontId="18"/>
  </si>
  <si>
    <t>0350000716</t>
    <phoneticPr fontId="18"/>
  </si>
  <si>
    <t>0350000718</t>
    <phoneticPr fontId="18"/>
  </si>
  <si>
    <t>0350000719</t>
    <phoneticPr fontId="18"/>
  </si>
  <si>
    <t>0350000720</t>
    <phoneticPr fontId="18"/>
  </si>
  <si>
    <t>0350000721</t>
    <phoneticPr fontId="18"/>
  </si>
  <si>
    <t>0350000722</t>
    <phoneticPr fontId="18"/>
  </si>
  <si>
    <t>0350000723</t>
    <phoneticPr fontId="18"/>
  </si>
  <si>
    <t>0350000725</t>
    <phoneticPr fontId="18"/>
  </si>
  <si>
    <t>0350000726</t>
    <phoneticPr fontId="18"/>
  </si>
  <si>
    <t>0350000727</t>
    <phoneticPr fontId="18"/>
  </si>
  <si>
    <t>0350000728</t>
    <phoneticPr fontId="18"/>
  </si>
  <si>
    <t>0350000730</t>
    <phoneticPr fontId="18"/>
  </si>
  <si>
    <t>0350000731</t>
    <phoneticPr fontId="18"/>
  </si>
  <si>
    <t>0350000732</t>
    <phoneticPr fontId="18"/>
  </si>
  <si>
    <t>0350000737</t>
    <phoneticPr fontId="18"/>
  </si>
  <si>
    <t>0350000738</t>
    <phoneticPr fontId="18"/>
  </si>
  <si>
    <t>0350000739</t>
    <phoneticPr fontId="18"/>
  </si>
  <si>
    <t>0350000740</t>
    <phoneticPr fontId="18"/>
  </si>
  <si>
    <t>0350000741</t>
    <phoneticPr fontId="18"/>
  </si>
  <si>
    <t>0350000742</t>
    <phoneticPr fontId="18"/>
  </si>
  <si>
    <t>0350000745</t>
    <phoneticPr fontId="18"/>
  </si>
  <si>
    <t>0350000746</t>
    <phoneticPr fontId="18"/>
  </si>
  <si>
    <t>0350000747</t>
    <phoneticPr fontId="18"/>
  </si>
  <si>
    <t>0350000748</t>
    <phoneticPr fontId="18"/>
  </si>
  <si>
    <t>0350000749</t>
    <phoneticPr fontId="18"/>
  </si>
  <si>
    <t>0350000751</t>
    <phoneticPr fontId="18"/>
  </si>
  <si>
    <t>0350000752</t>
    <phoneticPr fontId="18"/>
  </si>
  <si>
    <t>0350000754</t>
    <phoneticPr fontId="18"/>
  </si>
  <si>
    <t>0350000756</t>
    <phoneticPr fontId="18"/>
  </si>
  <si>
    <t>0350000757</t>
    <phoneticPr fontId="18"/>
  </si>
  <si>
    <t>0350000758</t>
    <phoneticPr fontId="18"/>
  </si>
  <si>
    <t>0350000759</t>
    <phoneticPr fontId="18"/>
  </si>
  <si>
    <t>0350000760</t>
    <phoneticPr fontId="18"/>
  </si>
  <si>
    <t>0350000762</t>
    <phoneticPr fontId="18"/>
  </si>
  <si>
    <t>0350000763</t>
    <phoneticPr fontId="18"/>
  </si>
  <si>
    <t>0350000765</t>
    <phoneticPr fontId="18"/>
  </si>
  <si>
    <t>0350000767</t>
    <phoneticPr fontId="18"/>
  </si>
  <si>
    <t>0350000768</t>
    <phoneticPr fontId="18"/>
  </si>
  <si>
    <t>0350000769</t>
    <phoneticPr fontId="18"/>
  </si>
  <si>
    <t>0350000771</t>
    <phoneticPr fontId="18"/>
  </si>
  <si>
    <t>0350000776</t>
    <phoneticPr fontId="18"/>
  </si>
  <si>
    <t>0350000777</t>
    <phoneticPr fontId="18"/>
  </si>
  <si>
    <t>0350000779</t>
    <phoneticPr fontId="18"/>
  </si>
  <si>
    <t>サガミハラシリツセイワガクエン</t>
    <phoneticPr fontId="18"/>
  </si>
  <si>
    <t>042-787-0041</t>
    <phoneticPr fontId="18"/>
  </si>
  <si>
    <t>http://www.sagamihara-seiwa-c.ed.jp</t>
    <phoneticPr fontId="18"/>
  </si>
  <si>
    <t>神奈川県横浜市南区六ツ川1-731</t>
    <phoneticPr fontId="18"/>
  </si>
  <si>
    <t>252-0132</t>
    <phoneticPr fontId="18"/>
  </si>
  <si>
    <t>042-760-6140</t>
    <phoneticPr fontId="18"/>
  </si>
  <si>
    <t>カナガワケンリツサガミハラヤエイコウトウガッコウ</t>
    <phoneticPr fontId="18"/>
  </si>
  <si>
    <t>https://www.pen-kanagawa.ed.jp/sagamiharayaei-h</t>
    <phoneticPr fontId="18"/>
  </si>
  <si>
    <t>全日単位／普通・音楽・美術・スポーツ科学、令和2年に再編統合</t>
    <phoneticPr fontId="18"/>
  </si>
  <si>
    <t>カナガワケンリツヨコスカミナミコウトウガッコウ</t>
    <phoneticPr fontId="18"/>
  </si>
  <si>
    <t>カナガワケンリツヒラツカノウショウコウトウガッコウ</t>
    <phoneticPr fontId="18"/>
  </si>
  <si>
    <t>神奈川県平塚市達上ケ丘10-10</t>
    <phoneticPr fontId="18"/>
  </si>
  <si>
    <t>カナガワケンリツサガミハラチュウトウキョウイクガッコウ</t>
    <phoneticPr fontId="18"/>
  </si>
  <si>
    <t>042-749-1279</t>
    <phoneticPr fontId="18"/>
  </si>
  <si>
    <t>042-740-2852</t>
    <phoneticPr fontId="18"/>
  </si>
  <si>
    <t>カナガワケンリツヒラツカチュウトウキョウイクガッコウ</t>
    <phoneticPr fontId="18"/>
  </si>
  <si>
    <t>0463-34-0320</t>
    <phoneticPr fontId="18"/>
  </si>
  <si>
    <t>全日単位／国際</t>
    <phoneticPr fontId="18"/>
  </si>
  <si>
    <t>神奈川県横浜市保土ケ谷区権太坂1-7-1</t>
    <phoneticPr fontId="18"/>
  </si>
  <si>
    <t>神奈川県横浜市保土ケ谷区今井町743</t>
    <phoneticPr fontId="18"/>
  </si>
  <si>
    <t>神奈川県立希望ケ丘高等学校</t>
    <phoneticPr fontId="18"/>
  </si>
  <si>
    <t>神奈川県横浜市青葉区市ケ尾町1854</t>
    <phoneticPr fontId="18"/>
  </si>
  <si>
    <t>全日単位・定時単位／普通、平成16年に再編統合</t>
    <phoneticPr fontId="18"/>
  </si>
  <si>
    <t>042-760-6131</t>
    <phoneticPr fontId="18"/>
  </si>
  <si>
    <t>https://www.pen-kanagawa.ed.jp/yokosukaminami-h</t>
    <phoneticPr fontId="18"/>
  </si>
  <si>
    <t>全日単位・定時単位・通信単位／普通</t>
    <phoneticPr fontId="18"/>
  </si>
  <si>
    <t>0463-34-3866</t>
    <phoneticPr fontId="18"/>
  </si>
  <si>
    <t>https://kawasaki-edu.jp/2/701tonomati</t>
  </si>
  <si>
    <t>https://kawasaki-edu.jp/2/702yotuya</t>
  </si>
  <si>
    <t>https://kawasaki-edu.jp/2/703higasimonzen</t>
  </si>
  <si>
    <t>https://kawasaki-edu.jp/2/704daisi</t>
  </si>
  <si>
    <t>https://kawasaki-edu.jp/2/705kawanakazima</t>
  </si>
  <si>
    <t>https://kawasaki-edu.jp/2/706huzisaki</t>
  </si>
  <si>
    <t>https://kawasaki-edu.jp/2/707sakura</t>
  </si>
  <si>
    <t>https://kawasaki-edu.jp/2/708osima</t>
  </si>
  <si>
    <t>https://kawasaki-edu.jp/2/709watarida</t>
  </si>
  <si>
    <t>https://kawasaki-edu.jp/2/710higasioda</t>
  </si>
  <si>
    <t>https://kawasaki-edu.jp/2/711oda</t>
  </si>
  <si>
    <t>https://kawasaki-edu.jp/2/712asada</t>
  </si>
  <si>
    <t>https://kawasaki-edu.jp/2/713higasiosima</t>
  </si>
  <si>
    <t>https://kawasaki-edu.jp/2/714mukai</t>
  </si>
  <si>
    <t>https://kawasaki-edu.jp/2/715tazima</t>
  </si>
  <si>
    <t>https://kawasaki-edu.jp/2/716sintyo</t>
  </si>
  <si>
    <t>https://kawasaki-edu.jp/2/717asahityo</t>
  </si>
  <si>
    <t>https://kawasaki-edu.jp/2/718miyamae</t>
  </si>
  <si>
    <t>https://kawasaki-edu.jp/2/719kawasaki</t>
  </si>
  <si>
    <t>https://kawasaki-edu.jp/2/720kyomati</t>
  </si>
  <si>
    <t>https://kawasaki-edu.jp/2/101saiwaityo</t>
  </si>
  <si>
    <t>https://kawasaki-edu.jp/2/102minamigawara</t>
  </si>
  <si>
    <t>https://kawasaki-edu.jp/2/103miyuki</t>
  </si>
  <si>
    <t>https://kawasaki-edu.jp/2/104nisimiyuki</t>
  </si>
  <si>
    <t>https://kawasaki-edu.jp/2/105tode</t>
  </si>
  <si>
    <t>https://kawasaki-edu.jp/2/106hurukawa</t>
  </si>
  <si>
    <t>https://kawasaki-edu.jp/2/107higasiogura</t>
  </si>
  <si>
    <t>https://kawasaki-edu.jp/2/108simohirama</t>
  </si>
  <si>
    <t>https://kawasaki-edu.jp/2/109huruitiba</t>
  </si>
  <si>
    <t>https://kawasaki-edu.jp/2/110hiyosi</t>
  </si>
  <si>
    <t>https://kawasaki-edu.jp/2/111ogura</t>
  </si>
  <si>
    <t>https://kawasaki-edu.jp/2/112minamikase</t>
  </si>
  <si>
    <t>川崎市立夢見ケ崎小学校</t>
    <phoneticPr fontId="18"/>
  </si>
  <si>
    <t>https://kawasaki-edu.jp/2/113yumemigasaki</t>
  </si>
  <si>
    <t>https://kawasaki-edu.jp/2/201simogawara</t>
  </si>
  <si>
    <t>https://kawasaki-edu.jp/2/202hirama</t>
  </si>
  <si>
    <t>https://kawasaki-edu.jp/2/203gyokusen</t>
  </si>
  <si>
    <t>https://kawasaki-edu.jp/2/204simonumabe</t>
  </si>
  <si>
    <t>https://kawasaki-edu.jp/2/205kariyado</t>
  </si>
  <si>
    <t>https://kawasaki-edu.jp/2/206kizuki</t>
  </si>
  <si>
    <t>https://kawasaki-edu.jp/2/207higasisumiyosi</t>
  </si>
  <si>
    <t>https://kawasaki-edu.jp/2/208sumiyosi</t>
  </si>
  <si>
    <t>https://kawasaki-edu.jp/2/209ida</t>
  </si>
  <si>
    <t>https://kawasaki-edu.jp/2/210imai</t>
  </si>
  <si>
    <t>https://kawasaki-edu.jp/2/211kamimaruko</t>
  </si>
  <si>
    <t>https://kawasaki-edu.jp/2/212nisimaruko</t>
  </si>
  <si>
    <t>https://kawasaki-edu.jp/2/213nakahara</t>
  </si>
  <si>
    <t>https://kawasaki-edu.jp/2/214miyauti</t>
  </si>
  <si>
    <t>https://kawasaki-edu.jp/2/215oto</t>
  </si>
  <si>
    <t>https://kawasaki-edu.jp/2/216simokodanaka</t>
  </si>
  <si>
    <t>https://kawasaki-edu.jp/2/217sinzyo</t>
  </si>
  <si>
    <t>https://kawasaki-edu.jp/2/218ogayato</t>
  </si>
  <si>
    <t>カワサキシリツコスギショウガッコウ</t>
    <phoneticPr fontId="18"/>
  </si>
  <si>
    <t>211-0063</t>
    <phoneticPr fontId="18"/>
  </si>
  <si>
    <t>https://kawasaki-edu.jp/2/219kosugi</t>
  </si>
  <si>
    <t>https://kawasaki-edu.jp/2/301sibokuti</t>
  </si>
  <si>
    <t>https://kawasaki-edu.jp/2/302tatibana</t>
  </si>
  <si>
    <t>https://kawasaki-edu.jp/2/303suenaga</t>
  </si>
  <si>
    <t>https://kawasaki-edu.jp/2/304sinsaku</t>
  </si>
  <si>
    <t>https://kawasaki-edu.jp/2/305higasitakatu</t>
  </si>
  <si>
    <t>https://kawasaki-edu.jp/2/306sakado</t>
  </si>
  <si>
    <t>https://kawasaki-edu.jp/2/307hisamoto</t>
  </si>
  <si>
    <t>https://kawasaki-edu.jp/2/308simosakunobe</t>
  </si>
  <si>
    <t>https://kawasaki-edu.jp/2/309takatu</t>
  </si>
  <si>
    <t>https://kawasaki-edu.jp/2/310kazigaya</t>
  </si>
  <si>
    <t>https://kawasaki-edu.jp/2/311nisikazigaya</t>
  </si>
  <si>
    <t>https://kawasaki-edu.jp/2/312hisasue</t>
  </si>
  <si>
    <t>https://kawasaki-edu.jp/2/313kamisakunobe</t>
  </si>
  <si>
    <t>https://kawasaki-edu.jp/2/314minamihara</t>
  </si>
  <si>
    <t>https://kawasaki-edu.jp/2/315kuzi</t>
  </si>
  <si>
    <t>216-0044</t>
    <phoneticPr fontId="18"/>
  </si>
  <si>
    <t>https://kawasaki-edu.jp/2/601nogawa</t>
  </si>
  <si>
    <t>216-0043</t>
    <phoneticPr fontId="18"/>
  </si>
  <si>
    <t>https://kawasaki-edu.jp/2/602nisinogawa</t>
  </si>
  <si>
    <t>https://kawasaki-edu.jp/2/603minaminogawa</t>
  </si>
  <si>
    <t>https://kawasaki-edu.jp/2/604miyazaki</t>
  </si>
  <si>
    <t>https://kawasaki-edu.jp/2/605saginuma</t>
  </si>
  <si>
    <t>https://kawasaki-edu.jp/2/606arima</t>
  </si>
  <si>
    <t>https://kawasaki-edu.jp/2/607nisiarima</t>
  </si>
  <si>
    <t>https://kawasaki-edu.jp/2/608huzimidai</t>
  </si>
  <si>
    <t>https://kawasaki-edu.jp/2/609miyamaedaira</t>
  </si>
  <si>
    <t>https://kawasaki-edu.jp/2/610miyazakidai</t>
  </si>
  <si>
    <t>https://kawasaki-edu.jp/2/611mukaigaoka</t>
  </si>
  <si>
    <t>https://kawasaki-edu.jp/2/612taira</t>
  </si>
  <si>
    <t>https://kawasaki-edu.jp/2/613sirahatadai</t>
  </si>
  <si>
    <t>https://kawasaki-edu.jp/2/614sugao</t>
  </si>
  <si>
    <t>https://kawasaki-edu.jp/2/615hiebara</t>
  </si>
  <si>
    <t>https://kawasaki-edu.jp/2/616inukura</t>
  </si>
  <si>
    <t>https://kawasaki-edu.jp/2/617tutihasi</t>
  </si>
  <si>
    <t>https://kawasaki-edu.jp/2/401inada</t>
  </si>
  <si>
    <t>https://kawasaki-edu.jp/2/402nagao</t>
  </si>
  <si>
    <t>https://kawasaki-edu.jp/2/403syukugawara</t>
  </si>
  <si>
    <t>https://kawasaki-edu.jp/2/404noborito</t>
  </si>
  <si>
    <t>https://kawasaki-edu.jp/2/405nakanosima</t>
  </si>
  <si>
    <t>https://kawasaki-edu.jp/2/406simohuda</t>
  </si>
  <si>
    <t>https://kawasaki-edu.jp/2/407higasisuge</t>
  </si>
  <si>
    <t>https://kawasaki-edu.jp/2/408minamisuge</t>
  </si>
  <si>
    <t>https://kawasaki-edu.jp/2/409nisisuge</t>
  </si>
  <si>
    <t>https://kawasaki-edu.jp/2/410suge</t>
  </si>
  <si>
    <t>https://kawasaki-edu.jp/2/411higasiikuta</t>
  </si>
  <si>
    <t>https://kawasaki-edu.jp/2/412mita</t>
  </si>
  <si>
    <t>https://kawasaki-edu.jp/2/413ikuta</t>
  </si>
  <si>
    <t>https://kawasaki-edu.jp/2/414minamiikuta</t>
  </si>
  <si>
    <t>https://kawasaki-edu.jp/2/501nagasawa</t>
  </si>
  <si>
    <t>https://kawasaki-edu.jp/2/502nisiikuta</t>
  </si>
  <si>
    <t>川崎市立千代ケ丘小学校</t>
    <phoneticPr fontId="18"/>
  </si>
  <si>
    <t>https://kawasaki-edu.jp/2/503tiyogaoka</t>
  </si>
  <si>
    <t>https://kawasaki-edu.jp/2/504kanahodo</t>
  </si>
  <si>
    <t>https://kawasaki-edu.jp/2/505yurigaoka</t>
  </si>
  <si>
    <t>https://kawasaki-edu.jp/2/506minamiyurigaoka</t>
  </si>
  <si>
    <t>https://kawasaki-edu.jp/2/507asao</t>
  </si>
  <si>
    <t>https://kawasaki-edu.jp/2/508higasikakio</t>
  </si>
  <si>
    <t>https://kawasaki-edu.jp/2/510sinpukuzi</t>
  </si>
  <si>
    <t>川崎市立虹ケ丘小学校</t>
    <phoneticPr fontId="18"/>
  </si>
  <si>
    <t>https://kawasaki-edu.jp/2/511nizigaoka</t>
  </si>
  <si>
    <t>https://kawasaki-edu.jp/2/509ozenzityuo</t>
  </si>
  <si>
    <t>https://kawasaki-edu.jp/2/512kakio</t>
  </si>
  <si>
    <t>https://kawasaki-edu.jp/2/513okagami</t>
  </si>
  <si>
    <t>https://kawasaki-edu.jp/2/514katahira</t>
  </si>
  <si>
    <t>https://kawasaki-edu.jp/2/515kurigidai</t>
  </si>
  <si>
    <t>https://kawasaki-edu.jp/2/516haruhino</t>
  </si>
  <si>
    <t>https://kawasaki-edu.jp/3/701daisi</t>
  </si>
  <si>
    <t>https://kawasaki-edu.jp/3/702minamidaisi</t>
  </si>
  <si>
    <t>https://kawasaki-edu.jp/3/703kawanakazima</t>
  </si>
  <si>
    <t>https://kawasaki-edu.jp/3/704sakuramoto</t>
  </si>
  <si>
    <t>https://kawasaki-edu.jp/3/705rinko</t>
  </si>
  <si>
    <t>https://kawasaki-edu.jp/3/706tazima</t>
  </si>
  <si>
    <t>https://kawasaki-edu.jp/3/707kyomati</t>
  </si>
  <si>
    <t>https://kawasaki-edu.jp/3/708watarida</t>
  </si>
  <si>
    <t>https://kawasaki-edu.jp/3/709huzimi</t>
  </si>
  <si>
    <t>https://kawasaki-edu.jp/3/710kawasaki</t>
  </si>
  <si>
    <t>https://kawasaki-edu.jp/3/101minamigawara</t>
  </si>
  <si>
    <t>https://kawasaki-edu.jp/3/102miyuki</t>
  </si>
  <si>
    <t>https://kawasaki-edu.jp/3/103tukagosi</t>
  </si>
  <si>
    <t>https://kawasaki-edu.jp/3/104hiyosi</t>
  </si>
  <si>
    <t>https://kawasaki-edu.jp/3/105minamikase</t>
  </si>
  <si>
    <t>https://kawasaki-edu.jp/3/201hirama</t>
  </si>
  <si>
    <t>https://kawasaki-edu.jp/3/202gyokusen</t>
  </si>
  <si>
    <t>https://kawasaki-edu.jp/3/203sumiyosi</t>
  </si>
  <si>
    <t>https://kawasaki-edu.jp/3/204ida</t>
  </si>
  <si>
    <t>https://kawasaki-edu.jp/3/205imai</t>
  </si>
  <si>
    <t>https://kawasaki-edu.jp/3/206nakahara</t>
  </si>
  <si>
    <t>https://kawasaki-edu.jp/3/207miyauti</t>
  </si>
  <si>
    <t>https://kawasaki-edu.jp/3/208nisinakahara</t>
  </si>
  <si>
    <t>https://kawasaki-edu.jp/3/301higasitatibana</t>
  </si>
  <si>
    <t>https://kawasaki-edu.jp/3/302tatibana</t>
  </si>
  <si>
    <t>https://kawasaki-edu.jp/3/303takatu</t>
  </si>
  <si>
    <t>https://kawasaki-edu.jp/3/304higasitakatu</t>
  </si>
  <si>
    <t>https://kawasaki-edu.jp/3/305nisitakatu</t>
  </si>
  <si>
    <t>https://kawasaki-edu.jp/3/601miyazaki</t>
  </si>
  <si>
    <t>https://kawasaki-edu.jp/3/602nogawa</t>
  </si>
  <si>
    <t>https://kawasaki-edu.jp/3/603arima</t>
  </si>
  <si>
    <t>https://kawasaki-edu.jp/3/604miyamaedaira</t>
  </si>
  <si>
    <t>https://kawasaki-edu.jp/3/605mukaigaoka</t>
  </si>
  <si>
    <t>https://kawasaki-edu.jp/3/606taira</t>
  </si>
  <si>
    <t>https://kawasaki-edu.jp/3/607sugao</t>
  </si>
  <si>
    <t>https://kawasaki-edu.jp/3/608inukura</t>
  </si>
  <si>
    <t>https://kawasaki-edu.jp/3/401inada</t>
  </si>
  <si>
    <t>https://kawasaki-edu.jp/3/402masugata</t>
  </si>
  <si>
    <t>https://kawasaki-edu.jp/3/403nakanosima</t>
  </si>
  <si>
    <t>https://kawasaki-edu.jp/3/404minamisuge</t>
  </si>
  <si>
    <t>https://kawasaki-edu.jp/3/405suge</t>
  </si>
  <si>
    <t>https://kawasaki-edu.jp/3/406ikuta</t>
  </si>
  <si>
    <t>https://kawasaki-edu.jp/3/407minamiikuta</t>
  </si>
  <si>
    <t>https://kawasaki-edu.jp/3/501nisiikuta</t>
  </si>
  <si>
    <t>https://kawasaki-edu.jp/3/502kanahodo</t>
  </si>
  <si>
    <t>https://kawasaki-edu.jp/3/503nagasawa</t>
  </si>
  <si>
    <t>https://kawasaki-edu.jp/3/504asao</t>
  </si>
  <si>
    <t>https://kawasaki-edu.jp/3/505kakio</t>
  </si>
  <si>
    <t>https://kawasaki-edu.jp/3/507siratori</t>
  </si>
  <si>
    <t>https://kawasaki-edu.jp/3/506ozenzityuo</t>
  </si>
  <si>
    <t>全日・定時（昼間・夜間）／（全日）普通・生活科学・福祉、（定時）普通</t>
    <phoneticPr fontId="18"/>
  </si>
  <si>
    <t>全日／（全日）普通、ビジネス教養</t>
    <phoneticPr fontId="18"/>
  </si>
  <si>
    <t>http://www.kst-h.ed.jp/kst_hp/</t>
  </si>
  <si>
    <t>全日・定時（夜間）／（全日）情報工学・総合電気・電子機械・建設工学・デザイン・科学、（定時）クリエイト工学・商業</t>
    <phoneticPr fontId="18"/>
  </si>
  <si>
    <t>https://kawasaki-edu.jp/5/tachibana-highschool-zen</t>
  </si>
  <si>
    <t>全日・定時（夜間）／（全日）普通・国際・スポーツ、（定時）普通</t>
    <phoneticPr fontId="18"/>
  </si>
  <si>
    <t>https://kawasaki-edu.jp/5/takatsu-zen</t>
  </si>
  <si>
    <t>全日・定時（夜間）／普通</t>
    <phoneticPr fontId="18"/>
  </si>
  <si>
    <t>ヨコスカシリツアワダショウガッコウ</t>
    <phoneticPr fontId="18"/>
  </si>
  <si>
    <t>横須賀市立追浜中学校</t>
    <phoneticPr fontId="21"/>
  </si>
  <si>
    <t>横須賀市立田浦中学校</t>
    <phoneticPr fontId="21"/>
  </si>
  <si>
    <t>横須賀市立不入斗中学校</t>
    <phoneticPr fontId="21"/>
  </si>
  <si>
    <t>横須賀市立岩戸中学校</t>
    <phoneticPr fontId="21"/>
  </si>
  <si>
    <t>横須賀市立野比中学校</t>
    <phoneticPr fontId="21"/>
  </si>
  <si>
    <t>横須賀市立長沢中学校</t>
    <phoneticPr fontId="21"/>
  </si>
  <si>
    <t>横須賀市立大楠中学校</t>
    <phoneticPr fontId="21"/>
  </si>
  <si>
    <t>239-0831</t>
    <phoneticPr fontId="21"/>
  </si>
  <si>
    <t>0463-32-0158</t>
    <phoneticPr fontId="18"/>
  </si>
  <si>
    <t>254-0012</t>
    <phoneticPr fontId="18"/>
  </si>
  <si>
    <t>平塚市立神田中学校</t>
    <phoneticPr fontId="21"/>
  </si>
  <si>
    <t>平塚市立金旭中学校</t>
    <phoneticPr fontId="21"/>
  </si>
  <si>
    <t>平塚市立山城中学校</t>
    <phoneticPr fontId="21"/>
  </si>
  <si>
    <t>平塚市立神明中学校</t>
    <phoneticPr fontId="21"/>
  </si>
  <si>
    <t>259-1213</t>
    <phoneticPr fontId="20"/>
  </si>
  <si>
    <t>平塚市立横内中学校</t>
    <phoneticPr fontId="21"/>
  </si>
  <si>
    <t>伊勢原市立伊勢原中学校</t>
    <phoneticPr fontId="21"/>
  </si>
  <si>
    <t>座間市立座間小学校</t>
    <phoneticPr fontId="18"/>
  </si>
  <si>
    <t>https://zama-e.zama.school/</t>
    <phoneticPr fontId="18"/>
  </si>
  <si>
    <t>座間市立栗原小学校</t>
    <phoneticPr fontId="18"/>
  </si>
  <si>
    <t>https://kurihara-e.zama.school/</t>
    <phoneticPr fontId="18"/>
  </si>
  <si>
    <t>https://sagamino-e.zama.school/</t>
    <phoneticPr fontId="18"/>
  </si>
  <si>
    <t>座間市立相武台東小学校</t>
    <phoneticPr fontId="18"/>
  </si>
  <si>
    <t>https://sobudaihigashi-e.zama.school/</t>
    <phoneticPr fontId="18"/>
  </si>
  <si>
    <t>https://hibarigaoka-e.zama.school/</t>
    <phoneticPr fontId="18"/>
  </si>
  <si>
    <t>座間市立東原小学校</t>
    <phoneticPr fontId="18"/>
  </si>
  <si>
    <t>https://higashihara-e.zama.school/</t>
    <phoneticPr fontId="18"/>
  </si>
  <si>
    <t>https://sagamigaoka-e.zama.school/</t>
    <phoneticPr fontId="18"/>
  </si>
  <si>
    <t>https://tatsunodai-e.zama.school/</t>
    <phoneticPr fontId="18"/>
  </si>
  <si>
    <t>https://iriya-e.zama.school/</t>
    <phoneticPr fontId="18"/>
  </si>
  <si>
    <t>https://asahi-e.zama.school/</t>
    <phoneticPr fontId="18"/>
  </si>
  <si>
    <t>https://nakahara-e.zama.school/</t>
    <phoneticPr fontId="18"/>
  </si>
  <si>
    <t>https://zama-j.zama.school/</t>
    <phoneticPr fontId="18"/>
  </si>
  <si>
    <t>https://nishi-j.zama.school/</t>
    <phoneticPr fontId="18"/>
  </si>
  <si>
    <t>https://higashi-j.zama.school/</t>
    <phoneticPr fontId="18"/>
  </si>
  <si>
    <t>https://kurihara-j.zama.school/</t>
    <phoneticPr fontId="18"/>
  </si>
  <si>
    <t>https://sagami-j.zama.school/</t>
    <phoneticPr fontId="18"/>
  </si>
  <si>
    <t>座間市</t>
    <phoneticPr fontId="18"/>
  </si>
  <si>
    <t>https://minami-j.zama.school/</t>
    <phoneticPr fontId="18"/>
  </si>
  <si>
    <t>http://nansho.ed-minamiashigara.jp/</t>
    <phoneticPr fontId="18"/>
  </si>
  <si>
    <t>http://fukusho.ed-minamiashigara.jp/</t>
    <phoneticPr fontId="18"/>
  </si>
  <si>
    <t>http://okasho.ed-minamiashigara.jp/</t>
    <phoneticPr fontId="18"/>
  </si>
  <si>
    <t>http://mukasho.ed-minamiashigara.jp/</t>
    <phoneticPr fontId="18"/>
  </si>
  <si>
    <t>南足柄市立南足柄中学校</t>
    <phoneticPr fontId="21"/>
  </si>
  <si>
    <t>0465-74-2415</t>
    <phoneticPr fontId="18"/>
  </si>
  <si>
    <t>http://daichu.ed-minamiashigara.jp/</t>
    <phoneticPr fontId="18"/>
  </si>
  <si>
    <t>http://www.samukawa.ed.jp/samusho1/</t>
    <phoneticPr fontId="18"/>
  </si>
  <si>
    <t>http://www.samukawa.ed.jp/ichisho2/</t>
    <phoneticPr fontId="18"/>
  </si>
  <si>
    <t>http://www.samukawa.ed.jp/asahi3/</t>
    <phoneticPr fontId="18"/>
  </si>
  <si>
    <t>http://www.samukawa.ed.jp/koyato4/</t>
    <phoneticPr fontId="18"/>
  </si>
  <si>
    <t>http://www.samukawa.ed.jp/minami5/</t>
    <phoneticPr fontId="18"/>
  </si>
  <si>
    <t>http://www.samukawa.ed.jp/samuchu1/</t>
    <phoneticPr fontId="18"/>
  </si>
  <si>
    <t>神奈川県高座郡寒川町小動933</t>
    <phoneticPr fontId="18"/>
  </si>
  <si>
    <t>2250001234</t>
    <phoneticPr fontId="18"/>
  </si>
  <si>
    <t>2250001235</t>
    <phoneticPr fontId="18"/>
  </si>
  <si>
    <t>2250001238</t>
    <phoneticPr fontId="18"/>
  </si>
  <si>
    <t>マツダチョウリツマツダショウガッコウ</t>
    <phoneticPr fontId="18"/>
  </si>
  <si>
    <t>神奈川県足柄上郡松田町松田庶子200</t>
    <rPh sb="4" eb="8">
      <t>アシガラカミグン</t>
    </rPh>
    <phoneticPr fontId="18"/>
  </si>
  <si>
    <t>https://matsuda-es.matsuda.andteacher.jp/</t>
    <phoneticPr fontId="18"/>
  </si>
  <si>
    <t>マツダチョウリツヤドリキショウガッコウ</t>
    <phoneticPr fontId="18"/>
  </si>
  <si>
    <t>神奈川県足柄上郡松田町寄2540</t>
    <rPh sb="4" eb="8">
      <t>アシガラカミグン</t>
    </rPh>
    <phoneticPr fontId="18"/>
  </si>
  <si>
    <t>https://yadoriki-es.matsuda.andteacher.jp/</t>
    <phoneticPr fontId="18"/>
  </si>
  <si>
    <t>マツダチョウリツマツダチュウガッコウ</t>
    <phoneticPr fontId="18"/>
  </si>
  <si>
    <t>神奈川県足柄上郡松田町松田惣領1400</t>
    <rPh sb="4" eb="8">
      <t>アシガラカミグン</t>
    </rPh>
    <phoneticPr fontId="18"/>
  </si>
  <si>
    <t>https://matsuda-jhs.matsuda.andteacher.jp/</t>
    <phoneticPr fontId="18"/>
  </si>
  <si>
    <t>http://yusho527.jp/</t>
    <phoneticPr fontId="18"/>
  </si>
  <si>
    <t>http://azum1095.jp/</t>
    <phoneticPr fontId="18"/>
  </si>
  <si>
    <t>https://www.edu.city.yokohama.lg.jp/school/es/sueyoshi/</t>
    <phoneticPr fontId="18"/>
  </si>
  <si>
    <t>https://www.edu.city.yokohama.lg.jp/school/es/toyooka/</t>
    <phoneticPr fontId="18"/>
  </si>
  <si>
    <t>0150000504</t>
    <phoneticPr fontId="18"/>
  </si>
  <si>
    <t>ヨコハマシリツスゲタノオカショウガッコウ</t>
    <phoneticPr fontId="18"/>
  </si>
  <si>
    <t>226-0019</t>
    <phoneticPr fontId="18"/>
  </si>
  <si>
    <t>ヨコハマシリツホンゴウショウガッコウ</t>
    <phoneticPr fontId="18"/>
  </si>
  <si>
    <t>ヨコハマシリツセンシュウショウガッコウ</t>
    <phoneticPr fontId="18"/>
  </si>
  <si>
    <t>ヨコハマシリツイイジマショウガッコウ</t>
    <phoneticPr fontId="18"/>
  </si>
  <si>
    <t>ヨコハマシリツホンゴウダイショウガッコウ</t>
    <phoneticPr fontId="18"/>
  </si>
  <si>
    <t>ヨコハマシリツカミゴウショウガッコウ</t>
    <phoneticPr fontId="18"/>
  </si>
  <si>
    <t>横浜市立小菅ケ谷小学校</t>
    <phoneticPr fontId="18"/>
  </si>
  <si>
    <t>ヨコハマシリツカサマショウガッコウ</t>
    <phoneticPr fontId="18"/>
  </si>
  <si>
    <t>ヨコハマシリツナカダショウガッコウ</t>
    <phoneticPr fontId="18"/>
  </si>
  <si>
    <t>ヨコハマシリツナカワダミナミショウガッコウ</t>
    <phoneticPr fontId="18"/>
  </si>
  <si>
    <t>ヨコハマシリツイズミショウガッコウ</t>
    <phoneticPr fontId="18"/>
  </si>
  <si>
    <t>ヨコハマシリツクズノショウガッコウ</t>
    <phoneticPr fontId="18"/>
  </si>
  <si>
    <t>ヨコハマシリツハラショウガッコウ</t>
    <phoneticPr fontId="18"/>
  </si>
  <si>
    <t>ヨコハマシリツカミセヤショウガッコウ</t>
    <phoneticPr fontId="18"/>
  </si>
  <si>
    <t>ヨコハマシリツセヤダイニショウガッコウ</t>
    <phoneticPr fontId="18"/>
  </si>
  <si>
    <t>ヨコハマシリツダイモンショウガッコウ</t>
    <phoneticPr fontId="18"/>
  </si>
  <si>
    <t>ヨコハマシリツミノワショウガッコウ</t>
    <phoneticPr fontId="18"/>
  </si>
  <si>
    <t>223-0051</t>
    <phoneticPr fontId="18"/>
  </si>
  <si>
    <t>045-565-1152</t>
    <phoneticPr fontId="18"/>
  </si>
  <si>
    <t>ヨコハマシリツイチバショウガッコウケヤキブンコウ</t>
    <phoneticPr fontId="18"/>
  </si>
  <si>
    <t>230-0004</t>
    <phoneticPr fontId="18"/>
  </si>
  <si>
    <t>045-580-0105</t>
    <phoneticPr fontId="18"/>
  </si>
  <si>
    <t>ヨコハマシリツカミスゲタササノオカショウガッコウ</t>
    <phoneticPr fontId="18"/>
  </si>
  <si>
    <t>240-0051</t>
    <phoneticPr fontId="18"/>
  </si>
  <si>
    <t>横浜市立横浜サイエンスフロンティア高等学校附属中学校</t>
    <phoneticPr fontId="20"/>
  </si>
  <si>
    <t>230-0046</t>
    <phoneticPr fontId="20"/>
  </si>
  <si>
    <t>045-506-3680</t>
    <phoneticPr fontId="23"/>
  </si>
  <si>
    <t>https://www.edu.city.yokohama.lg.jp/school/jhs/hs-minami/</t>
    <phoneticPr fontId="18"/>
  </si>
  <si>
    <t>横浜市立新井中学校</t>
    <phoneticPr fontId="18"/>
  </si>
  <si>
    <t>横浜市立新井中学校桜坂分校</t>
    <phoneticPr fontId="20"/>
  </si>
  <si>
    <t>245-0024</t>
    <phoneticPr fontId="20"/>
  </si>
  <si>
    <t>245-0022</t>
    <phoneticPr fontId="20"/>
  </si>
  <si>
    <t>ヨコハマシリツマルヤマダイチュウガッコウ</t>
    <phoneticPr fontId="18"/>
  </si>
  <si>
    <t>045-847-0862</t>
    <phoneticPr fontId="18"/>
  </si>
  <si>
    <t>ヨコハマシリツニシカナザワギムキョウイクガッコウ（ショウガクブ、チュウガクブ）</t>
    <phoneticPr fontId="18"/>
  </si>
  <si>
    <t>226-0016</t>
    <phoneticPr fontId="18"/>
  </si>
  <si>
    <t>045-921-8004</t>
    <phoneticPr fontId="18"/>
  </si>
  <si>
    <t>横浜市立横浜商業高等学校（別科）</t>
    <phoneticPr fontId="18"/>
  </si>
  <si>
    <t>ヨコハマシリツヨコハマショウギョウコウトウガッコウ（ベッカ）</t>
    <phoneticPr fontId="18"/>
  </si>
  <si>
    <t>245-0061</t>
    <phoneticPr fontId="20"/>
  </si>
  <si>
    <t>045-871-0086（全日）、045-862-5396（定時）</t>
    <phoneticPr fontId="18"/>
  </si>
  <si>
    <t>1928（全日）、1948（定時）</t>
    <phoneticPr fontId="18"/>
  </si>
  <si>
    <t>横浜市立緑園義務教育学校(小学部、中学部)</t>
    <rPh sb="0" eb="4">
      <t>ヨコハマシリツ</t>
    </rPh>
    <rPh sb="4" eb="6">
      <t>リョクエン</t>
    </rPh>
    <rPh sb="6" eb="12">
      <t>ギムキョウイクガッコウ</t>
    </rPh>
    <rPh sb="13" eb="16">
      <t>ショウガクブ</t>
    </rPh>
    <rPh sb="17" eb="20">
      <t>チュウガクブ</t>
    </rPh>
    <phoneticPr fontId="18"/>
  </si>
  <si>
    <t>ヨコハマシリツリョクエンギムキョウイクガッコウ（ショウガクブ、チュウガクブ）</t>
    <phoneticPr fontId="18"/>
  </si>
  <si>
    <t>245-0002</t>
    <phoneticPr fontId="18"/>
  </si>
  <si>
    <t>神奈川県横浜市泉区緑園5-28</t>
    <rPh sb="0" eb="4">
      <t>カナガワケン</t>
    </rPh>
    <phoneticPr fontId="18"/>
  </si>
  <si>
    <t>045-811-6710(小学部),045-811-6030(中学部)</t>
    <rPh sb="13" eb="16">
      <t>ショウガクブ</t>
    </rPh>
    <rPh sb="31" eb="34">
      <t>チュウガクブ</t>
    </rPh>
    <phoneticPr fontId="18"/>
  </si>
  <si>
    <t>045-812-5894(小学部),045-811-0744(中学部)</t>
    <rPh sb="13" eb="16">
      <t>ショウガクブ</t>
    </rPh>
    <rPh sb="31" eb="34">
      <t>チュウガクブ</t>
    </rPh>
    <phoneticPr fontId="18"/>
  </si>
  <si>
    <t>http://www.edu.city.yokohama.lg.jp/school/ces/ryokuen</t>
    <phoneticPr fontId="18"/>
  </si>
  <si>
    <t>0150000500</t>
    <phoneticPr fontId="18"/>
  </si>
  <si>
    <t>0650000894</t>
    <phoneticPr fontId="18"/>
  </si>
  <si>
    <t>0467-25-4990</t>
    <phoneticPr fontId="18"/>
  </si>
  <si>
    <t>0467-25-4991</t>
    <phoneticPr fontId="18"/>
  </si>
  <si>
    <t>0467-25-4992</t>
    <phoneticPr fontId="18"/>
  </si>
  <si>
    <t>0467-25-4993</t>
    <phoneticPr fontId="18"/>
  </si>
  <si>
    <t>0467-32-9685</t>
    <phoneticPr fontId="18"/>
  </si>
  <si>
    <t>0467-44-2963</t>
    <phoneticPr fontId="18"/>
  </si>
  <si>
    <t>0467-44-2122</t>
    <phoneticPr fontId="18"/>
  </si>
  <si>
    <t>0650000901</t>
    <phoneticPr fontId="18"/>
  </si>
  <si>
    <t>0467-44-2123</t>
    <phoneticPr fontId="18"/>
  </si>
  <si>
    <t>0467-44-2126</t>
    <phoneticPr fontId="18"/>
  </si>
  <si>
    <t>0467-44-2965</t>
    <phoneticPr fontId="18"/>
  </si>
  <si>
    <t>0467-44-2127</t>
    <phoneticPr fontId="18"/>
  </si>
  <si>
    <t>0467-32-9686</t>
    <phoneticPr fontId="18"/>
  </si>
  <si>
    <t>0467-32-9684</t>
    <phoneticPr fontId="18"/>
  </si>
  <si>
    <t>0467-44-2964</t>
    <phoneticPr fontId="18"/>
  </si>
  <si>
    <t>0467-44-2125</t>
    <phoneticPr fontId="18"/>
  </si>
  <si>
    <t>0467-44-2124</t>
    <phoneticPr fontId="18"/>
  </si>
  <si>
    <t>0467-25-4962</t>
    <phoneticPr fontId="18"/>
  </si>
  <si>
    <t>0467-25-4963</t>
    <phoneticPr fontId="18"/>
  </si>
  <si>
    <t>0467-25-4964</t>
    <phoneticPr fontId="18"/>
  </si>
  <si>
    <t>0467-32-9681</t>
    <phoneticPr fontId="18"/>
  </si>
  <si>
    <t>0467-43-5915</t>
    <phoneticPr fontId="18"/>
  </si>
  <si>
    <t>鎌倉市立大船中学校</t>
    <phoneticPr fontId="21"/>
  </si>
  <si>
    <t>0467-43-5916</t>
    <phoneticPr fontId="18"/>
  </si>
  <si>
    <t>0467-43-5917</t>
    <phoneticPr fontId="18"/>
  </si>
  <si>
    <t>0467-43-5918</t>
    <phoneticPr fontId="18"/>
  </si>
  <si>
    <t>0467-32-9682</t>
    <phoneticPr fontId="18"/>
  </si>
  <si>
    <t>ヒラツカシリツカナメショウガッコウゴリョウガダイブンコウ</t>
    <phoneticPr fontId="18"/>
  </si>
  <si>
    <t>神奈川県平塚市大神2434-1</t>
    <rPh sb="7" eb="9">
      <t>オオカミ</t>
    </rPh>
    <phoneticPr fontId="18"/>
  </si>
  <si>
    <t>ヒラツカシリツカナメチュウガッコウゴリョウガダイブンコウ</t>
    <phoneticPr fontId="18"/>
  </si>
  <si>
    <t>神奈川県海老名市社家5-10-1</t>
    <phoneticPr fontId="18"/>
  </si>
  <si>
    <t>神奈川県座間市ひばりが丘4-4-1</t>
    <phoneticPr fontId="18"/>
  </si>
  <si>
    <t>神奈川県座間市ひばりが丘5-57-1</t>
    <phoneticPr fontId="18"/>
  </si>
  <si>
    <t>神奈川県横浜市旭区下川井町2247-1</t>
    <phoneticPr fontId="18"/>
  </si>
  <si>
    <t>神奈川県海老名市社家5-27-1</t>
    <phoneticPr fontId="18"/>
  </si>
  <si>
    <t>https://www.pen-kanagawa.ed.jp/aihara-h</t>
    <phoneticPr fontId="18"/>
  </si>
  <si>
    <t>神奈川県足柄上郡開成町延沢625</t>
    <rPh sb="6" eb="7">
      <t>ウエ</t>
    </rPh>
    <phoneticPr fontId="18"/>
  </si>
  <si>
    <t>神奈川県足柄上郡開成町みなみ2-2-1</t>
    <rPh sb="6" eb="7">
      <t>ウエ</t>
    </rPh>
    <phoneticPr fontId="18"/>
  </si>
  <si>
    <t>神奈川県足柄上郡開成町吉田島1805</t>
    <rPh sb="6" eb="7">
      <t>ウエ</t>
    </rPh>
    <phoneticPr fontId="18"/>
  </si>
  <si>
    <t>神奈川県横浜市中区本牧緑ケ丘37</t>
    <phoneticPr fontId="18"/>
  </si>
  <si>
    <t>神奈川県立横浜瀬谷高等学校</t>
    <phoneticPr fontId="18"/>
  </si>
  <si>
    <t>カナガワケンリツヨコハマセヤコウトウガッコウ</t>
    <phoneticPr fontId="18"/>
  </si>
  <si>
    <t>246-0011</t>
    <phoneticPr fontId="18"/>
  </si>
  <si>
    <t>神奈川県横浜市瀬谷区東野台29-１</t>
    <rPh sb="0" eb="4">
      <t>カナガワケン</t>
    </rPh>
    <phoneticPr fontId="18"/>
  </si>
  <si>
    <t>045-301-6747</t>
    <phoneticPr fontId="18"/>
  </si>
  <si>
    <t>(045)304-2955</t>
    <phoneticPr fontId="18"/>
  </si>
  <si>
    <t>https://www.pen-kanagawa.ed.jp/yokohamaseya-h</t>
    <phoneticPr fontId="18"/>
  </si>
  <si>
    <t>普通</t>
    <rPh sb="0" eb="2">
      <t>フツウ</t>
    </rPh>
    <phoneticPr fontId="18"/>
  </si>
  <si>
    <t>神奈川県立相模原城山高等学校</t>
    <phoneticPr fontId="18"/>
  </si>
  <si>
    <t>カナガワケンリツサガミハラシロヤマコウトウガッコウ</t>
    <phoneticPr fontId="18"/>
  </si>
  <si>
    <t>252-0116</t>
    <phoneticPr fontId="18"/>
  </si>
  <si>
    <t>神奈川県相模原市緑区城山1-26-1</t>
    <rPh sb="0" eb="4">
      <t>カナガワケン</t>
    </rPh>
    <phoneticPr fontId="18"/>
  </si>
  <si>
    <t>(042)782-6565</t>
    <phoneticPr fontId="18"/>
  </si>
  <si>
    <t>(042)782-1834</t>
    <phoneticPr fontId="18"/>
  </si>
  <si>
    <t>https://www.pen-kanagawa.ed.jp/s-shiroyama-h</t>
    <phoneticPr fontId="18"/>
  </si>
  <si>
    <t>全日単位・全日／普通</t>
    <rPh sb="5" eb="7">
      <t>ゼンニチ</t>
    </rPh>
    <phoneticPr fontId="18"/>
  </si>
  <si>
    <t>神奈川県立逗子葉山高等学校</t>
    <phoneticPr fontId="18"/>
  </si>
  <si>
    <t>カナガワケンリツズシハヤマコウトウガッコウ</t>
    <phoneticPr fontId="18"/>
  </si>
  <si>
    <t>249-0005</t>
    <phoneticPr fontId="18"/>
  </si>
  <si>
    <t>神奈川県逗子市桜山5-24-1</t>
    <rPh sb="0" eb="4">
      <t>カナガワケン</t>
    </rPh>
    <phoneticPr fontId="18"/>
  </si>
  <si>
    <t>(046)873-7322</t>
    <phoneticPr fontId="18"/>
  </si>
  <si>
    <t>(046)873-9045</t>
    <phoneticPr fontId="18"/>
  </si>
  <si>
    <t>https://www.pen-kanagawa.ed.jp/zushihayama-h</t>
    <phoneticPr fontId="18"/>
  </si>
  <si>
    <t>https://www.pen-kanagawa.ed.jp/arima-h</t>
    <phoneticPr fontId="18"/>
  </si>
  <si>
    <t>0050001429</t>
    <phoneticPr fontId="18"/>
  </si>
  <si>
    <t>0050001430</t>
    <phoneticPr fontId="18"/>
  </si>
  <si>
    <t>0050001431</t>
    <phoneticPr fontId="18"/>
  </si>
  <si>
    <t>ヨコハマシリツアライショウガッコウサクラザカブンコウ</t>
    <phoneticPr fontId="18"/>
  </si>
  <si>
    <t>ヨコハマシリツアライチュウガッコウサクラザカブンコウ</t>
    <phoneticPr fontId="18"/>
  </si>
  <si>
    <t>神奈川県横浜市緑区霧が丘4-4（中学校）</t>
    <phoneticPr fontId="18"/>
  </si>
  <si>
    <t>045-922-6041</t>
    <phoneticPr fontId="18"/>
  </si>
  <si>
    <t>神奈川県川崎市高津区末長3-8-1</t>
    <phoneticPr fontId="18"/>
  </si>
  <si>
    <t>神奈川県川崎市高津区上作延3-9-1</t>
    <phoneticPr fontId="18"/>
  </si>
  <si>
    <t>神奈川県川崎市宮前区西野川2-19-1</t>
    <phoneticPr fontId="18"/>
  </si>
  <si>
    <t>神奈川県川崎市宮前区野川台3-10-1</t>
    <phoneticPr fontId="18"/>
  </si>
  <si>
    <t>神奈川県川崎市宮前区南野川2-12-1</t>
    <phoneticPr fontId="18"/>
  </si>
  <si>
    <t>神奈川県川崎市高津区末長4‐1‐1</t>
    <phoneticPr fontId="18"/>
  </si>
  <si>
    <t>神奈川県川崎市宮前区西野川2-2-1</t>
    <phoneticPr fontId="18"/>
  </si>
  <si>
    <t>相模原市</t>
    <phoneticPr fontId="18"/>
  </si>
  <si>
    <t>相模原市</t>
    <rPh sb="0" eb="4">
      <t>サガミハラシ</t>
    </rPh>
    <phoneticPr fontId="18"/>
  </si>
  <si>
    <t>相模原市立鳥屋学園</t>
    <rPh sb="0" eb="4">
      <t>サガミハラシ</t>
    </rPh>
    <rPh sb="4" eb="5">
      <t>リツ</t>
    </rPh>
    <rPh sb="5" eb="6">
      <t>トリ</t>
    </rPh>
    <rPh sb="6" eb="7">
      <t>ヤ</t>
    </rPh>
    <rPh sb="7" eb="9">
      <t>ガクエン</t>
    </rPh>
    <phoneticPr fontId="18"/>
  </si>
  <si>
    <t>サガミハラシリツトヤガクエン</t>
    <phoneticPr fontId="18"/>
  </si>
  <si>
    <t>https://toya-c.sagamihara.andteacher.jp/</t>
    <phoneticPr fontId="18"/>
  </si>
  <si>
    <t>0350000780</t>
  </si>
  <si>
    <t>https://www.fureai-cloud.jp/kamakura-itisyou/</t>
    <phoneticPr fontId="18"/>
  </si>
  <si>
    <t>https://www.fureai-cloud.jp/kamakura-nisyou/</t>
    <phoneticPr fontId="18"/>
  </si>
  <si>
    <t>https://www.fureai-cloud.jp/kamakura-narisyou/</t>
    <phoneticPr fontId="18"/>
  </si>
  <si>
    <t>https://www.fureai-cloud.jp/kamakura-inasyou/</t>
    <phoneticPr fontId="18"/>
  </si>
  <si>
    <t>https://www.fureai-cloud.jp/kamakura-kosisyou/</t>
    <phoneticPr fontId="18"/>
  </si>
  <si>
    <t>https://www.fureai-cloud.jp/kamakura-hukasyou/</t>
    <phoneticPr fontId="18"/>
  </si>
  <si>
    <t>https://www.fureai-cloud.jp/kamakura-sakasyou/</t>
    <phoneticPr fontId="18"/>
  </si>
  <si>
    <t>https://www.fureai-cloud.jp/kamakura-tamasyou/</t>
    <phoneticPr fontId="18"/>
  </si>
  <si>
    <t>https://www.fureai-cloud.jp/kamakura-oosyou/</t>
    <phoneticPr fontId="18"/>
  </si>
  <si>
    <t>https://www.fureai-cloud.jp/kamakura-yamasyou/</t>
    <phoneticPr fontId="18"/>
  </si>
  <si>
    <t>https://www.fureai-cloud.jp/kamakura-imasyou/</t>
    <phoneticPr fontId="18"/>
  </si>
  <si>
    <t>https://www.fureai-cloud.jp/kamakura-nisikama/</t>
    <phoneticPr fontId="18"/>
  </si>
  <si>
    <t>https://www.fureai-cloud.jp/kamakura-sitisyou/</t>
    <phoneticPr fontId="18"/>
  </si>
  <si>
    <t>https://www.fureai-cloud.jp/kamakura-fujisyou/</t>
    <phoneticPr fontId="18"/>
  </si>
  <si>
    <t>https://www.fureai-cloud.jp/kamakura-sekisyou/</t>
    <phoneticPr fontId="18"/>
  </si>
  <si>
    <t>https://www.fureai-cloud.jp/kamakura-uekisyou/</t>
    <phoneticPr fontId="18"/>
  </si>
  <si>
    <t>https://www.fureai-cloud.jp/kamakura-ittyuu/</t>
    <phoneticPr fontId="18"/>
  </si>
  <si>
    <t>https://www.fureai-cloud.jp/kamakura-nityuu/</t>
    <phoneticPr fontId="18"/>
  </si>
  <si>
    <t>https://www.fureai-cloud.jp/kamakura-narityuu/</t>
    <phoneticPr fontId="18"/>
  </si>
  <si>
    <t>https://www.fureai-cloud.jp/kamakura-kosityuu/</t>
    <phoneticPr fontId="18"/>
  </si>
  <si>
    <t>https://www.fureai-cloud.jp/kamakura-hukatyuu/</t>
    <phoneticPr fontId="18"/>
  </si>
  <si>
    <t>https://www.fureai-cloud.jp/kamakura-ootyuu/</t>
    <phoneticPr fontId="18"/>
  </si>
  <si>
    <t>https://www.fureai-cloud.jp/kamakura-tamatyuu/</t>
    <phoneticPr fontId="18"/>
  </si>
  <si>
    <t>https://www.fureai-cloud.jp/kamakura-iwatyuu/</t>
    <phoneticPr fontId="18"/>
  </si>
  <si>
    <t>https://www.fureai-cloud.jp/kamakura-tebityuu/</t>
    <phoneticPr fontId="18"/>
  </si>
  <si>
    <t>www.atsugi-es.atsugi.ed.jp</t>
  </si>
  <si>
    <t>www.echiminami-es.atsugi.ed.jp</t>
  </si>
  <si>
    <t>www.kita-es.atsugi.ed.jp</t>
  </si>
  <si>
    <t>www.ogino-es.atsugi.ed.jp</t>
  </si>
  <si>
    <t>www.sanda-es.atsugi.ed.jp</t>
  </si>
  <si>
    <t>www.shimizu-es.atsugi.ed.jp</t>
  </si>
  <si>
    <t>243-0218</t>
    <phoneticPr fontId="18"/>
  </si>
  <si>
    <t>神奈川県厚木市飯山南4-9-1</t>
    <rPh sb="7" eb="9">
      <t>イイヤマ</t>
    </rPh>
    <rPh sb="9" eb="10">
      <t>ミナミ</t>
    </rPh>
    <phoneticPr fontId="18"/>
  </si>
  <si>
    <t>www.koayu-es.atsugi.ed.jp</t>
  </si>
  <si>
    <t>www.tamagawa-es.atsugi.ed.jp</t>
  </si>
  <si>
    <t>www.nanmouri-es.atsugi.ed.jp</t>
  </si>
  <si>
    <t>www.aikawa-es.atsugi.ed.jp</t>
  </si>
  <si>
    <t>www.atsugidai2-es.atsugi.ed.jp</t>
  </si>
  <si>
    <t>www.midorigaoka-es.atsugi.ed.jp</t>
  </si>
  <si>
    <t>www.tomuro-es.atsugi.ed.jp</t>
  </si>
  <si>
    <t>www.aikou-es.atsugi.ed.jp</t>
  </si>
  <si>
    <t>www.tsumada-es.atsugi.ed.jp</t>
  </si>
  <si>
    <t>www.tobio-es.atsugi.ed.jp</t>
  </si>
  <si>
    <t>www.mouridai-es.atsugi.ed.jp</t>
  </si>
  <si>
    <t>www.kamiogino-es.atsugi.ed.jp</t>
  </si>
  <si>
    <t>www.iiyama-es.atsugi.ed.jp</t>
  </si>
  <si>
    <t>www.morinosato-es.atsugi.ed.jp</t>
  </si>
  <si>
    <t>www.echi-es.atsugi.ed.jp</t>
  </si>
  <si>
    <t>www.toda-es.atsugi.ed.jp</t>
  </si>
  <si>
    <t>www.kamiechi-es.atsugi.ed.jp</t>
  </si>
  <si>
    <t>www.atsugi-js.atsugi.ed.jp</t>
  </si>
  <si>
    <t>www.echi-js.atsugi.ed.jp</t>
  </si>
  <si>
    <t>www.ogino-js.atsugi.ed.jp</t>
  </si>
  <si>
    <t>www.mutsuai-js.atsugi.ed.jp</t>
  </si>
  <si>
    <t>神奈川県厚木市飯山南4-9-2</t>
    <rPh sb="7" eb="9">
      <t>イイヤマ</t>
    </rPh>
    <rPh sb="9" eb="10">
      <t>ミナミ</t>
    </rPh>
    <phoneticPr fontId="18"/>
  </si>
  <si>
    <t>www.koayu-js.atsugi.ed.jp</t>
  </si>
  <si>
    <t>www.tamagawa-js.atsugi.ed.jp</t>
  </si>
  <si>
    <t>www.nanmouri-js.atsugi.ed.jp</t>
  </si>
  <si>
    <t>www.toumei-js.atsugi.ed.jp</t>
  </si>
  <si>
    <t>www.hayashi-js.atsugi.ed.jp</t>
  </si>
  <si>
    <t>www.fujizuka-js.atsugi.ed.jp</t>
  </si>
  <si>
    <t>www.morinosato-js.atsugi.ed.jp</t>
  </si>
  <si>
    <t>www.mutsuaihigasi-js.atsugi.ed.jp</t>
  </si>
  <si>
    <t>www.aikawa-js.atsugi.ed.jp</t>
  </si>
  <si>
    <t>https://www.isehara.ed.jp/isehara-e/</t>
    <phoneticPr fontId="18"/>
  </si>
  <si>
    <t>https://www.isehara.ed.jp/ohyama-e/</t>
  </si>
  <si>
    <t>https://www.isehara.ed.jp/takabeya-e/</t>
  </si>
  <si>
    <t>https://www.isehara.ed.jp/hibita-e/</t>
  </si>
  <si>
    <t>https://www.isehara.ed.jp/naruse-e/</t>
  </si>
  <si>
    <t>https://www.isehara.ed.jp/ohta-e/</t>
  </si>
  <si>
    <t>https://www.isehara.ed.jp/sakuradai-e/</t>
  </si>
  <si>
    <t>https://www.isehara.ed.jp/midoridai-e/</t>
  </si>
  <si>
    <t>https://www.isehara.ed.jp/takezono-e/</t>
  </si>
  <si>
    <t>https://www.isehara.ed.jp/ishida-e/</t>
  </si>
  <si>
    <t>https://www.isehara.ed.jp/sanno-j/</t>
  </si>
  <si>
    <t>https://www.isehara.ed.jp/naruse-j/</t>
  </si>
  <si>
    <t>https://www.isehara.ed.jp/isehara-j/</t>
  </si>
  <si>
    <t>https://www.isehara.ed.jp/nakazawa-j/</t>
  </si>
  <si>
    <t>https://www15.schoolweb.ne.jp/swas/index.php?id=1410001</t>
    <phoneticPr fontId="18"/>
  </si>
  <si>
    <t>https://www15.schoolweb.ne.jp/swas/index.php?id=1410002</t>
    <phoneticPr fontId="18"/>
  </si>
  <si>
    <t>https://www15.schoolweb.ne.jp/swas/index.php?id=1410003</t>
    <phoneticPr fontId="18"/>
  </si>
  <si>
    <t>https://www15.schoolweb.ne.jp/swas/index.php?id=1410004</t>
    <phoneticPr fontId="18"/>
  </si>
  <si>
    <t>https://www15.schoolweb.ne.jp/swas/index.php?id=1410005</t>
    <phoneticPr fontId="18"/>
  </si>
  <si>
    <t>https://www15.schoolweb.ne.jp/swas/index.php?id=1410006</t>
    <phoneticPr fontId="18"/>
  </si>
  <si>
    <t>https://www15.schoolweb.ne.jp/swas/index.php?id=1410007</t>
    <phoneticPr fontId="18"/>
  </si>
  <si>
    <t>https://www15.schoolweb.ne.jp/swas/index.php?id=1410008</t>
    <phoneticPr fontId="18"/>
  </si>
  <si>
    <t>https://www15.schoolweb.ne.jp/swas/index.php?id=1410009</t>
    <phoneticPr fontId="18"/>
  </si>
  <si>
    <t>https://www15.schoolweb.ne.jp/swas/index.php?id=1410010</t>
    <phoneticPr fontId="18"/>
  </si>
  <si>
    <t>https://www15.schoolweb.ne.jp/swas/index.php?id=1420002</t>
    <phoneticPr fontId="18"/>
  </si>
  <si>
    <t>https://www15.schoolweb.ne.jp/swas/index.php?id=1420003</t>
    <phoneticPr fontId="18"/>
  </si>
  <si>
    <t>https://www15.schoolweb.ne.jp/swas/index.php?id=1420004</t>
    <phoneticPr fontId="18"/>
  </si>
  <si>
    <t>https://www15.schoolweb.ne.jp/swas/index.php?id=1420005</t>
    <phoneticPr fontId="18"/>
  </si>
  <si>
    <t>https://www15.schoolweb.ne.jp/swas/index.php?id=1420006</t>
    <phoneticPr fontId="18"/>
  </si>
  <si>
    <t>令和5年9月から中学校完全給食開始予定</t>
  </si>
  <si>
    <t>http://www.samukawa.ed.jp/higashi3/</t>
    <phoneticPr fontId="18"/>
  </si>
  <si>
    <t>寒川町立旭が丘中学校</t>
    <phoneticPr fontId="18"/>
  </si>
  <si>
    <t>サムカワチョウリツアサヒガオカチュウガッコウ</t>
    <phoneticPr fontId="18"/>
  </si>
  <si>
    <t>253-0102</t>
    <phoneticPr fontId="18"/>
  </si>
  <si>
    <t>0467-75-5553</t>
    <phoneticPr fontId="18"/>
  </si>
  <si>
    <t>0467-75-3329</t>
    <phoneticPr fontId="18"/>
  </si>
  <si>
    <t>http://www.samukawa.ed.jp/okachu2/</t>
    <phoneticPr fontId="18"/>
  </si>
  <si>
    <t>http://oiso-es.oiso.andteacher.jp/</t>
  </si>
  <si>
    <t>http://kokufu-es.oiso.andteacher.jp/</t>
  </si>
  <si>
    <t>オオイソチョウリツコクフショウガッコウイクサワブンコウ</t>
  </si>
  <si>
    <t>https://www.pref.kanagawa.jp/docs/t5f/cnt/f450049/p588425.html</t>
  </si>
  <si>
    <t>http://oiso-jh.oiso.andteacher.jp/</t>
  </si>
  <si>
    <t>http://kokufu-jh.oiso.andteacher.jp/</t>
  </si>
  <si>
    <t>オオイソチョウリコクフチュウガッコウイクサワブンコウ</t>
  </si>
  <si>
    <t>https://nakai-nakamura.nakai-kanagawa.ed.jp/</t>
    <phoneticPr fontId="18"/>
  </si>
  <si>
    <t>https://nakai-inokuchi.nakai-kanagawa.ed.jp/</t>
    <phoneticPr fontId="18"/>
  </si>
  <si>
    <t>https://nakai-jhs.nakai.nakai-kanagawa.ed.jp/</t>
    <phoneticPr fontId="18"/>
  </si>
  <si>
    <t>http://naka2.xyz/</t>
    <phoneticPr fontId="18"/>
  </si>
  <si>
    <t>神奈川県横浜市鶴見区獅子ケ谷1-19-1</t>
  </si>
  <si>
    <t>神奈川県横浜市鶴見区江ケ崎町2-1</t>
  </si>
  <si>
    <t>神奈川県横浜市南区井土ケ谷上町2-1</t>
  </si>
  <si>
    <t>神奈川県横浜市南区六ツ川3-4-12</t>
  </si>
  <si>
    <t>神奈川県横浜市緑区中山４丁目16-1</t>
  </si>
  <si>
    <t>神奈川県横浜市栄区小菅ケ谷2-22-1</t>
  </si>
  <si>
    <t>神奈川県横浜市瀬谷区三ツ境157</t>
  </si>
  <si>
    <t>神奈川県横浜市神奈川区菅田町674</t>
  </si>
  <si>
    <t>神奈川県海老名市門沢橋1-19-1</t>
  </si>
  <si>
    <t>神奈川県綾瀬市大上9-14-1</t>
  </si>
  <si>
    <t>1：小学校2：中学校3：義務教育学校（小中一貫教育校）4：中等教育学校（中高一貫教育校）5：高等学校6：その他</t>
    <rPh sb="2" eb="5">
      <t>ショウガッコウ</t>
    </rPh>
    <rPh sb="7" eb="10">
      <t>チュウガッコウ</t>
    </rPh>
    <rPh sb="12" eb="14">
      <t>ギム</t>
    </rPh>
    <rPh sb="14" eb="16">
      <t>キョウイク</t>
    </rPh>
    <rPh sb="16" eb="18">
      <t>ガッコウ</t>
    </rPh>
    <rPh sb="19" eb="21">
      <t>ショウチュウ</t>
    </rPh>
    <rPh sb="21" eb="23">
      <t>イッカン</t>
    </rPh>
    <rPh sb="23" eb="25">
      <t>キョウイク</t>
    </rPh>
    <rPh sb="25" eb="26">
      <t>コウ</t>
    </rPh>
    <rPh sb="29" eb="31">
      <t>チュウトウ</t>
    </rPh>
    <rPh sb="31" eb="33">
      <t>キョウイク</t>
    </rPh>
    <rPh sb="33" eb="35">
      <t>ガッコウ</t>
    </rPh>
    <rPh sb="36" eb="38">
      <t>チュウコウ</t>
    </rPh>
    <rPh sb="38" eb="40">
      <t>イッカン</t>
    </rPh>
    <rPh sb="40" eb="42">
      <t>キョウイク</t>
    </rPh>
    <rPh sb="42" eb="43">
      <t>コウ</t>
    </rPh>
    <rPh sb="46" eb="48">
      <t>コウトウ</t>
    </rPh>
    <rPh sb="48" eb="50">
      <t>ガッコウ</t>
    </rPh>
    <rPh sb="54" eb="55">
      <t>タ</t>
    </rPh>
    <phoneticPr fontId="18"/>
  </si>
  <si>
    <t>510:教育文化施設.学校.511:教育文化施設.学校.小学校512:教育文化施設.学校.中学校513:教育文化施設.学校.高等学校</t>
  </si>
  <si>
    <t>1502:学校1503:小学校1504:中学校1505：高等学校・中等教育学校</t>
    <rPh sb="5" eb="7">
      <t>ガッコウ</t>
    </rPh>
    <rPh sb="12" eb="15">
      <t>ショウガッコウ</t>
    </rPh>
    <rPh sb="20" eb="23">
      <t>チュウガッコウ</t>
    </rPh>
    <phoneticPr fontId="18"/>
  </si>
  <si>
    <t>Googleマップ等を用いずに正規の手法で取得した緯度データを保有している場合、世界測地系で表記。不明な場合は空欄</t>
    <rPh sb="9" eb="10">
      <t>トウ</t>
    </rPh>
    <rPh sb="11" eb="12">
      <t>モチ</t>
    </rPh>
    <rPh sb="15" eb="17">
      <t>セイキ</t>
    </rPh>
    <rPh sb="18" eb="20">
      <t>シュホウ</t>
    </rPh>
    <rPh sb="21" eb="23">
      <t>シュトク</t>
    </rPh>
    <rPh sb="25" eb="27">
      <t>イド</t>
    </rPh>
    <rPh sb="31" eb="33">
      <t>ホユウ</t>
    </rPh>
    <rPh sb="37" eb="39">
      <t>バアイ</t>
    </rPh>
    <rPh sb="40" eb="42">
      <t>セカイ</t>
    </rPh>
    <rPh sb="42" eb="44">
      <t>ソクチ</t>
    </rPh>
    <rPh sb="44" eb="45">
      <t>ケイ</t>
    </rPh>
    <rPh sb="46" eb="48">
      <t>ヒョウキ</t>
    </rPh>
    <rPh sb="49" eb="51">
      <t>フメイ</t>
    </rPh>
    <rPh sb="52" eb="54">
      <t>バアイ</t>
    </rPh>
    <rPh sb="55" eb="57">
      <t>クウラン</t>
    </rPh>
    <phoneticPr fontId="18"/>
  </si>
  <si>
    <t>Googleマップ等を用いずに正規の手法で取得した経度データを保有している場合、世界測地系で表記。不明な場合は空欄</t>
    <rPh sb="9" eb="10">
      <t>トウ</t>
    </rPh>
    <rPh sb="11" eb="12">
      <t>モチ</t>
    </rPh>
    <rPh sb="15" eb="17">
      <t>セイキ</t>
    </rPh>
    <rPh sb="18" eb="20">
      <t>シュホウ</t>
    </rPh>
    <rPh sb="21" eb="23">
      <t>シュトク</t>
    </rPh>
    <rPh sb="25" eb="27">
      <t>ケイド</t>
    </rPh>
    <rPh sb="31" eb="33">
      <t>ホユウ</t>
    </rPh>
    <rPh sb="37" eb="39">
      <t>バアイ</t>
    </rPh>
    <rPh sb="40" eb="42">
      <t>セカイ</t>
    </rPh>
    <rPh sb="42" eb="44">
      <t>ソクチ</t>
    </rPh>
    <rPh sb="44" eb="45">
      <t>ケイ</t>
    </rPh>
    <rPh sb="46" eb="48">
      <t>ヒョウキ</t>
    </rPh>
    <rPh sb="49" eb="51">
      <t>フメイ</t>
    </rPh>
    <rPh sb="52" eb="54">
      <t>バアイ</t>
    </rPh>
    <rPh sb="55" eb="57">
      <t>クウラン</t>
    </rPh>
    <phoneticPr fontId="18"/>
  </si>
  <si>
    <t>完全給食の実施について次から選択1=実施0=未実施</t>
    <rPh sb="0" eb="2">
      <t>カンゼン</t>
    </rPh>
    <rPh sb="2" eb="4">
      <t>キュウショク</t>
    </rPh>
    <rPh sb="5" eb="7">
      <t>ジッシ</t>
    </rPh>
    <rPh sb="11" eb="12">
      <t>ツギ</t>
    </rPh>
    <rPh sb="14" eb="16">
      <t>センタク</t>
    </rPh>
    <rPh sb="18" eb="20">
      <t>ジッシ</t>
    </rPh>
    <rPh sb="22" eb="25">
      <t>ミジッシ</t>
    </rPh>
    <phoneticPr fontId="18"/>
  </si>
  <si>
    <t>https://www.edu.city.yokohama.lg.jp/school/es/ichiba/</t>
  </si>
  <si>
    <t>神奈川県横浜市保土ケ谷区新井町580（横浜市向陽学園内）</t>
  </si>
  <si>
    <t>0(Ⅰ・Ⅱ部)、1(Ⅰ・Ⅱ部(夜間))、1(Ⅲ部)</t>
    <rPh sb="13" eb="14">
      <t>ブ</t>
    </rPh>
    <rPh sb="15" eb="16">
      <t>ヨル</t>
    </rPh>
    <rPh sb="23" eb="24">
      <t>ブ</t>
    </rPh>
    <phoneticPr fontId="18"/>
  </si>
  <si>
    <t>https://www.edu.city.yokohama.lg.jp/school/hs/totsuka/（全日）https://www.edu.city.yokohama.jp/sch/hs/totsuka-t/（定時）</t>
  </si>
  <si>
    <t>0(全日)、1(定時)</t>
    <rPh sb="2" eb="4">
      <t>ゼンニチ</t>
    </rPh>
    <rPh sb="8" eb="10">
      <t>テイジ</t>
    </rPh>
    <phoneticPr fontId="18"/>
  </si>
  <si>
    <t>http://schoolnet.edu.city.yokosuka.kanagawa.jp/schoolnet/highschool/301/sougou</t>
  </si>
  <si>
    <t>全日・定時／（全日）機械・建設・電気・デザイン（定時）機械・建設・電気</t>
  </si>
  <si>
    <t>全日・定時単位／（全日）機械・電気・建設・化学（定時単位）総合</t>
  </si>
  <si>
    <t>全日・定時単位／（全日）機械・電気・建設（定時単位）総合</t>
  </si>
  <si>
    <t>全日・定時／（全日）普通・福祉（定時）普通</t>
  </si>
  <si>
    <t>全日単位・定時単位／（全日単位）総合産業（定時単位）総合</t>
  </si>
  <si>
    <t>全日／（全日）普通・福祉令和2年に再編統合</t>
    <rPh sb="0" eb="2">
      <t>ゼンニチ</t>
    </rPh>
    <rPh sb="4" eb="6">
      <t>ゼンニチ</t>
    </rPh>
    <rPh sb="7" eb="9">
      <t>フツウ</t>
    </rPh>
    <rPh sb="10" eb="12">
      <t>フクシ</t>
    </rPh>
    <phoneticPr fontId="18"/>
  </si>
  <si>
    <t>全日・定時単位／（全日）普通（定時単位）普通</t>
    <rPh sb="3" eb="5">
      <t>テイジ</t>
    </rPh>
    <rPh sb="5" eb="7">
      <t>タンイ</t>
    </rPh>
    <rPh sb="9" eb="11">
      <t>ゼンニチ</t>
    </rPh>
    <rPh sb="15" eb="19">
      <t>テイジタンイ</t>
    </rPh>
    <rPh sb="20" eb="22">
      <t>フツウ</t>
    </rPh>
    <phoneticPr fontId="18"/>
  </si>
  <si>
    <t>全日・定時単位／普通</t>
  </si>
  <si>
    <t>全日単位・定時単位／普通</t>
  </si>
  <si>
    <t>全日・定時／（全日）機械・建設・電気・デザイン（定時）機械・電気</t>
  </si>
  <si>
    <t>全日単位・定時単位／総合</t>
  </si>
  <si>
    <t>全日単位／普通・舞台芸術</t>
    <rPh sb="8" eb="10">
      <t>ブタイ</t>
    </rPh>
    <rPh sb="10" eb="12">
      <t>ゲイジュツ</t>
    </rPh>
    <phoneticPr fontId="18"/>
  </si>
  <si>
    <t>全日／普通、令和2年に再編統合</t>
    <rPh sb="6" eb="8">
      <t>レイワ</t>
    </rPh>
    <phoneticPr fontId="18"/>
  </si>
  <si>
    <t>全日／機械・電気・化学・建設</t>
    <rPh sb="12" eb="14">
      <t>ケンセツ</t>
    </rPh>
    <phoneticPr fontId="18"/>
  </si>
  <si>
    <t>全日・全日単位／海洋科学・船舶運航・水産食品・無線技術・生物環境</t>
    <rPh sb="3" eb="5">
      <t>ゼンニチ</t>
    </rPh>
    <rPh sb="13" eb="15">
      <t>センパク</t>
    </rPh>
    <rPh sb="15" eb="17">
      <t>ウンコウ</t>
    </rPh>
    <rPh sb="18" eb="20">
      <t>スイサン</t>
    </rPh>
    <rPh sb="20" eb="22">
      <t>ショクヒン</t>
    </rPh>
    <rPh sb="23" eb="25">
      <t>ムセン</t>
    </rPh>
    <rPh sb="25" eb="27">
      <t>ギジュツ</t>
    </rPh>
    <rPh sb="28" eb="30">
      <t>セイブツ</t>
    </rPh>
    <rPh sb="30" eb="32">
      <t>カンキョウ</t>
    </rPh>
    <phoneticPr fontId="18"/>
  </si>
  <si>
    <t>全日／都市農業・都市環境・食品科学・農業総合・総合ビジネス、令和2年に再編統合</t>
    <rPh sb="3" eb="5">
      <t>トシ</t>
    </rPh>
    <rPh sb="5" eb="7">
      <t>ノウギョウ</t>
    </rPh>
    <rPh sb="8" eb="10">
      <t>トシ</t>
    </rPh>
    <rPh sb="10" eb="12">
      <t>カンキョウ</t>
    </rPh>
    <rPh sb="23" eb="25">
      <t>ソウゴウ</t>
    </rPh>
    <phoneticPr fontId="18"/>
  </si>
  <si>
    <t>全日単位／普通・都市農業</t>
    <rPh sb="5" eb="7">
      <t>フツウ</t>
    </rPh>
    <phoneticPr fontId="18"/>
  </si>
  <si>
    <t>学校種別</t>
  </si>
  <si>
    <t>ヨコハマシリツトヨダショウガッコウショウガッコウ</t>
  </si>
  <si>
    <t>学校の特色：学校教育目標である「確かな学力と心豊かにたくましく生きる生徒の育成」の達成のために日々努力しています。「ただしくさとくねばりこく」の校訓とともに、尊徳の教えを教育活動に取り入れています。</t>
    <rPh sb="0" eb="2">
      <t>ガッコウ</t>
    </rPh>
    <rPh sb="3" eb="5">
      <t>トクショク</t>
    </rPh>
    <rPh sb="6" eb="8">
      <t>ガッコウ</t>
    </rPh>
    <rPh sb="8" eb="10">
      <t>キョウイク</t>
    </rPh>
    <rPh sb="10" eb="12">
      <t>モクヒョウ</t>
    </rPh>
    <rPh sb="16" eb="17">
      <t>タシ</t>
    </rPh>
    <rPh sb="19" eb="21">
      <t>ガクリョク</t>
    </rPh>
    <rPh sb="22" eb="23">
      <t>ココロ</t>
    </rPh>
    <rPh sb="23" eb="24">
      <t>ユタ</t>
    </rPh>
    <rPh sb="31" eb="32">
      <t>イ</t>
    </rPh>
    <rPh sb="34" eb="36">
      <t>セイト</t>
    </rPh>
    <rPh sb="37" eb="39">
      <t>イクセイ</t>
    </rPh>
    <rPh sb="41" eb="43">
      <t>タッセイ</t>
    </rPh>
    <rPh sb="47" eb="49">
      <t>ヒビ</t>
    </rPh>
    <rPh sb="49" eb="51">
      <t>ドリョク</t>
    </rPh>
    <rPh sb="72" eb="74">
      <t>コウクン</t>
    </rPh>
    <rPh sb="79" eb="81">
      <t>ソントク</t>
    </rPh>
    <rPh sb="82" eb="83">
      <t>オシ</t>
    </rPh>
    <rPh sb="85" eb="87">
      <t>キョウイク</t>
    </rPh>
    <rPh sb="87" eb="89">
      <t>カツドウ</t>
    </rPh>
    <rPh sb="90" eb="91">
      <t>ト</t>
    </rPh>
    <rPh sb="92" eb="93">
      <t>イ</t>
    </rPh>
    <phoneticPr fontId="18"/>
  </si>
  <si>
    <t>神奈川県平塚市山下3-25-1</t>
    <phoneticPr fontId="1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hh:mm:ss"/>
    <numFmt numFmtId="177" formatCode="0.000000_ "/>
    <numFmt numFmtId="178" formatCode="0.00000_);[Red]\(0.00000\)"/>
    <numFmt numFmtId="179" formatCode="0.0000000000000"/>
    <numFmt numFmtId="180" formatCode="0.000000000000"/>
    <numFmt numFmtId="181" formatCode="0_ "/>
  </numFmts>
  <fonts count="29" x14ac:knownFonts="1">
    <font>
      <sz val="12"/>
      <color theme="1"/>
      <name val="ＭＳ 明朝"/>
      <family val="2"/>
      <charset val="128"/>
    </font>
    <font>
      <sz val="12"/>
      <color theme="1"/>
      <name val="ＭＳ 明朝"/>
      <family val="2"/>
      <charset val="128"/>
    </font>
    <font>
      <sz val="18"/>
      <color theme="3"/>
      <name val="ＭＳ Ｐゴシック"/>
      <family val="2"/>
      <charset val="128"/>
      <scheme val="major"/>
    </font>
    <font>
      <b/>
      <sz val="15"/>
      <color theme="3"/>
      <name val="ＭＳ 明朝"/>
      <family val="2"/>
      <charset val="128"/>
    </font>
    <font>
      <b/>
      <sz val="13"/>
      <color theme="3"/>
      <name val="ＭＳ 明朝"/>
      <family val="2"/>
      <charset val="128"/>
    </font>
    <font>
      <b/>
      <sz val="11"/>
      <color theme="3"/>
      <name val="ＭＳ 明朝"/>
      <family val="2"/>
      <charset val="128"/>
    </font>
    <font>
      <sz val="12"/>
      <color rgb="FF006100"/>
      <name val="ＭＳ 明朝"/>
      <family val="2"/>
      <charset val="128"/>
    </font>
    <font>
      <sz val="12"/>
      <color rgb="FF9C0006"/>
      <name val="ＭＳ 明朝"/>
      <family val="2"/>
      <charset val="128"/>
    </font>
    <font>
      <sz val="12"/>
      <color rgb="FF9C6500"/>
      <name val="ＭＳ 明朝"/>
      <family val="2"/>
      <charset val="128"/>
    </font>
    <font>
      <sz val="12"/>
      <color rgb="FF3F3F76"/>
      <name val="ＭＳ 明朝"/>
      <family val="2"/>
      <charset val="128"/>
    </font>
    <font>
      <b/>
      <sz val="12"/>
      <color rgb="FF3F3F3F"/>
      <name val="ＭＳ 明朝"/>
      <family val="2"/>
      <charset val="128"/>
    </font>
    <font>
      <b/>
      <sz val="12"/>
      <color rgb="FFFA7D00"/>
      <name val="ＭＳ 明朝"/>
      <family val="2"/>
      <charset val="128"/>
    </font>
    <font>
      <sz val="12"/>
      <color rgb="FFFA7D00"/>
      <name val="ＭＳ 明朝"/>
      <family val="2"/>
      <charset val="128"/>
    </font>
    <font>
      <b/>
      <sz val="12"/>
      <color theme="0"/>
      <name val="ＭＳ 明朝"/>
      <family val="2"/>
      <charset val="128"/>
    </font>
    <font>
      <sz val="12"/>
      <color rgb="FFFF0000"/>
      <name val="ＭＳ 明朝"/>
      <family val="2"/>
      <charset val="128"/>
    </font>
    <font>
      <i/>
      <sz val="12"/>
      <color rgb="FF7F7F7F"/>
      <name val="ＭＳ 明朝"/>
      <family val="2"/>
      <charset val="128"/>
    </font>
    <font>
      <b/>
      <sz val="12"/>
      <color theme="1"/>
      <name val="ＭＳ 明朝"/>
      <family val="2"/>
      <charset val="128"/>
    </font>
    <font>
      <sz val="12"/>
      <color theme="0"/>
      <name val="ＭＳ 明朝"/>
      <family val="2"/>
      <charset val="128"/>
    </font>
    <font>
      <sz val="6"/>
      <name val="ＭＳ 明朝"/>
      <family val="2"/>
      <charset val="128"/>
    </font>
    <font>
      <sz val="11"/>
      <name val="ＭＳ Ｐゴシック"/>
      <family val="3"/>
      <charset val="128"/>
    </font>
    <font>
      <sz val="6"/>
      <name val="ＭＳ Ｐゴシック"/>
      <family val="3"/>
      <charset val="128"/>
    </font>
    <font>
      <sz val="6"/>
      <name val="ＭＳ Ｐ明朝"/>
      <family val="1"/>
      <charset val="128"/>
    </font>
    <font>
      <u/>
      <sz val="12"/>
      <color theme="10"/>
      <name val="ＭＳ 明朝"/>
      <family val="2"/>
      <charset val="128"/>
    </font>
    <font>
      <sz val="6"/>
      <name val="ＭＳ 明朝"/>
      <family val="1"/>
      <charset val="128"/>
    </font>
    <font>
      <sz val="12"/>
      <name val="ＭＳ 明朝"/>
      <family val="1"/>
      <charset val="128"/>
    </font>
    <font>
      <sz val="11"/>
      <color theme="1"/>
      <name val="ＭＳ Ｐゴシック"/>
      <family val="2"/>
      <charset val="128"/>
      <scheme val="minor"/>
    </font>
    <font>
      <u/>
      <sz val="12"/>
      <name val="ＭＳ 明朝"/>
      <family val="1"/>
      <charset val="128"/>
    </font>
    <font>
      <sz val="14"/>
      <name val="ＭＳ 明朝"/>
      <family val="1"/>
      <charset val="128"/>
    </font>
    <font>
      <sz val="10.5"/>
      <name val="ＭＳ 明朝"/>
      <family val="1"/>
      <charset val="128"/>
    </font>
  </fonts>
  <fills count="37">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4" tint="0.59999389629810485"/>
        <bgColor indexed="64"/>
      </patternFill>
    </fill>
    <fill>
      <patternFill patternType="solid">
        <fgColor theme="4" tint="0.79998168889431442"/>
        <bgColor indexed="64"/>
      </patternFill>
    </fill>
    <fill>
      <patternFill patternType="solid">
        <fgColor theme="7" tint="0.79998168889431442"/>
        <bgColor indexed="64"/>
      </patternFill>
    </fill>
    <fill>
      <patternFill patternType="solid">
        <fgColor theme="0"/>
        <bgColor indexed="64"/>
      </patternFill>
    </fill>
  </fills>
  <borders count="14">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s>
  <cellStyleXfs count="46">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7"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7"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7" fillId="32" borderId="0" applyNumberFormat="0" applyBorder="0" applyAlignment="0" applyProtection="0">
      <alignment vertical="center"/>
    </xf>
    <xf numFmtId="0" fontId="19" fillId="0" borderId="0"/>
    <xf numFmtId="0" fontId="22" fillId="0" borderId="0" applyNumberFormat="0" applyFill="0" applyBorder="0" applyAlignment="0" applyProtection="0">
      <alignment vertical="center"/>
    </xf>
    <xf numFmtId="38" fontId="24" fillId="0" borderId="0" applyFont="0" applyFill="0" applyBorder="0" applyAlignment="0" applyProtection="0">
      <alignment vertical="center"/>
    </xf>
    <xf numFmtId="0" fontId="25" fillId="0" borderId="0">
      <alignment vertical="center"/>
    </xf>
  </cellStyleXfs>
  <cellXfs count="89">
    <xf numFmtId="0" fontId="0" fillId="0" borderId="0" xfId="0">
      <alignment vertical="center"/>
    </xf>
    <xf numFmtId="0" fontId="24" fillId="0" borderId="0" xfId="0" applyFont="1" applyAlignment="1">
      <alignment vertical="center" wrapText="1"/>
    </xf>
    <xf numFmtId="0" fontId="24" fillId="36" borderId="10" xfId="0" applyFont="1" applyFill="1" applyBorder="1" applyAlignment="1">
      <alignment horizontal="center" vertical="center"/>
    </xf>
    <xf numFmtId="0" fontId="24" fillId="0" borderId="10" xfId="0" applyFont="1" applyBorder="1" applyAlignment="1">
      <alignment horizontal="center" vertical="center" wrapText="1"/>
    </xf>
    <xf numFmtId="0" fontId="24" fillId="33" borderId="10" xfId="0" applyFont="1" applyFill="1" applyBorder="1" applyAlignment="1">
      <alignment horizontal="center" vertical="center" wrapText="1"/>
    </xf>
    <xf numFmtId="0" fontId="24" fillId="33" borderId="10" xfId="0" applyFont="1" applyFill="1" applyBorder="1" applyAlignment="1">
      <alignment horizontal="center" vertical="center"/>
    </xf>
    <xf numFmtId="0" fontId="24" fillId="0" borderId="10" xfId="0" applyFont="1" applyBorder="1" applyAlignment="1">
      <alignment horizontal="center" vertical="center"/>
    </xf>
    <xf numFmtId="0" fontId="24" fillId="33" borderId="11" xfId="0" applyFont="1" applyFill="1" applyBorder="1" applyAlignment="1">
      <alignment horizontal="center" vertical="center"/>
    </xf>
    <xf numFmtId="0" fontId="24" fillId="0" borderId="10" xfId="0" applyFont="1" applyBorder="1" applyAlignment="1">
      <alignment vertical="center" wrapText="1"/>
    </xf>
    <xf numFmtId="0" fontId="24" fillId="0" borderId="0" xfId="0" applyFont="1">
      <alignment vertical="center"/>
    </xf>
    <xf numFmtId="0" fontId="24" fillId="34" borderId="10" xfId="0" applyFont="1" applyFill="1" applyBorder="1" applyAlignment="1">
      <alignment vertical="center"/>
    </xf>
    <xf numFmtId="0" fontId="24" fillId="34" borderId="10" xfId="0" applyFont="1" applyFill="1" applyBorder="1" applyAlignment="1">
      <alignment vertical="center" wrapText="1"/>
    </xf>
    <xf numFmtId="176" fontId="24" fillId="34" borderId="11" xfId="0" applyNumberFormat="1" applyFont="1" applyFill="1" applyBorder="1" applyAlignment="1">
      <alignment vertical="center" wrapText="1"/>
    </xf>
    <xf numFmtId="0" fontId="24" fillId="0" borderId="10" xfId="0" applyFont="1" applyBorder="1" applyAlignment="1">
      <alignment vertical="center"/>
    </xf>
    <xf numFmtId="0" fontId="24" fillId="0" borderId="0" xfId="0" applyFont="1" applyAlignment="1">
      <alignment vertical="center"/>
    </xf>
    <xf numFmtId="0" fontId="24" fillId="0" borderId="0" xfId="0" quotePrefix="1" applyFont="1" applyFill="1" applyAlignment="1">
      <alignment horizontal="left" vertical="top"/>
    </xf>
    <xf numFmtId="0" fontId="24" fillId="0" borderId="10" xfId="0" applyFont="1" applyFill="1" applyBorder="1" applyAlignment="1">
      <alignment vertical="center"/>
    </xf>
    <xf numFmtId="0" fontId="24" fillId="0" borderId="10" xfId="42" applyFont="1" applyFill="1" applyBorder="1" applyAlignment="1">
      <alignment vertical="center"/>
    </xf>
    <xf numFmtId="0" fontId="24" fillId="0" borderId="10" xfId="42" applyFont="1" applyFill="1" applyBorder="1" applyAlignment="1">
      <alignment horizontal="left" vertical="center"/>
    </xf>
    <xf numFmtId="0" fontId="24" fillId="0" borderId="10" xfId="0" applyFont="1" applyFill="1" applyBorder="1" applyAlignment="1">
      <alignment horizontal="left" vertical="center"/>
    </xf>
    <xf numFmtId="0" fontId="24" fillId="0" borderId="10" xfId="43" applyFont="1" applyFill="1" applyBorder="1" applyAlignment="1">
      <alignment vertical="center"/>
    </xf>
    <xf numFmtId="0" fontId="24" fillId="0" borderId="10" xfId="0" applyNumberFormat="1" applyFont="1" applyFill="1" applyBorder="1" applyAlignment="1">
      <alignment horizontal="left" vertical="center"/>
    </xf>
    <xf numFmtId="0" fontId="24" fillId="0" borderId="11" xfId="0" applyFont="1" applyFill="1" applyBorder="1" applyAlignment="1">
      <alignment horizontal="left" vertical="top"/>
    </xf>
    <xf numFmtId="14" fontId="24" fillId="0" borderId="10" xfId="0" applyNumberFormat="1" applyFont="1" applyFill="1" applyBorder="1" applyAlignment="1">
      <alignment horizontal="left" vertical="top"/>
    </xf>
    <xf numFmtId="0" fontId="24" fillId="0" borderId="10" xfId="43" applyFont="1" applyFill="1" applyBorder="1" applyAlignment="1">
      <alignment vertical="center" wrapText="1"/>
    </xf>
    <xf numFmtId="49" fontId="24" fillId="0" borderId="10" xfId="42" applyNumberFormat="1" applyFont="1" applyFill="1" applyBorder="1" applyAlignment="1">
      <alignment vertical="center"/>
    </xf>
    <xf numFmtId="0" fontId="24" fillId="0" borderId="10" xfId="42" applyNumberFormat="1" applyFont="1" applyFill="1" applyBorder="1" applyAlignment="1">
      <alignment vertical="center"/>
    </xf>
    <xf numFmtId="0" fontId="24" fillId="0" borderId="10" xfId="42" applyFont="1" applyFill="1" applyBorder="1" applyAlignment="1">
      <alignment vertical="center" wrapText="1"/>
    </xf>
    <xf numFmtId="0" fontId="24" fillId="0" borderId="12" xfId="0" applyNumberFormat="1" applyFont="1" applyFill="1" applyBorder="1" applyAlignment="1">
      <alignment horizontal="left" vertical="center"/>
    </xf>
    <xf numFmtId="0" fontId="24" fillId="0" borderId="0" xfId="0" applyFont="1" applyAlignment="1"/>
    <xf numFmtId="1" fontId="24" fillId="0" borderId="10" xfId="42" applyNumberFormat="1" applyFont="1" applyFill="1" applyBorder="1" applyAlignment="1" applyProtection="1">
      <alignment vertical="center"/>
      <protection locked="0"/>
    </xf>
    <xf numFmtId="49" fontId="24" fillId="0" borderId="10" xfId="0" applyNumberFormat="1" applyFont="1" applyFill="1" applyBorder="1" applyAlignment="1">
      <alignment vertical="center"/>
    </xf>
    <xf numFmtId="0" fontId="24" fillId="0" borderId="10" xfId="0" applyNumberFormat="1" applyFont="1" applyFill="1" applyBorder="1" applyAlignment="1">
      <alignment vertical="center"/>
    </xf>
    <xf numFmtId="0" fontId="24" fillId="0" borderId="0" xfId="0" applyFont="1" applyFill="1" applyAlignment="1"/>
    <xf numFmtId="0" fontId="24" fillId="0" borderId="0" xfId="0" applyFont="1" applyFill="1" applyBorder="1" applyAlignment="1"/>
    <xf numFmtId="49" fontId="24" fillId="0" borderId="10" xfId="0" applyNumberFormat="1" applyFont="1" applyFill="1" applyBorder="1" applyAlignment="1">
      <alignment vertical="center" wrapText="1"/>
    </xf>
    <xf numFmtId="0" fontId="24" fillId="36" borderId="0" xfId="0" applyFont="1" applyFill="1">
      <alignment vertical="center"/>
    </xf>
    <xf numFmtId="0" fontId="24" fillId="0" borderId="11" xfId="0" applyFont="1" applyFill="1" applyBorder="1" applyAlignment="1">
      <alignment vertical="center"/>
    </xf>
    <xf numFmtId="181" fontId="24" fillId="0" borderId="10" xfId="0" applyNumberFormat="1" applyFont="1" applyFill="1" applyBorder="1" applyAlignment="1">
      <alignment horizontal="left" vertical="center"/>
    </xf>
    <xf numFmtId="0" fontId="24" fillId="0" borderId="10" xfId="0" applyFont="1" applyFill="1" applyBorder="1" applyAlignment="1">
      <alignment horizontal="left" vertical="center" wrapText="1"/>
    </xf>
    <xf numFmtId="0" fontId="24" fillId="0" borderId="10" xfId="0" applyFont="1" applyFill="1" applyBorder="1" applyAlignment="1">
      <alignment vertical="center" wrapText="1"/>
    </xf>
    <xf numFmtId="0" fontId="24" fillId="0" borderId="11" xfId="0" applyFont="1" applyFill="1" applyBorder="1" applyAlignment="1">
      <alignment horizontal="left" vertical="center"/>
    </xf>
    <xf numFmtId="0" fontId="24" fillId="0" borderId="0" xfId="0" quotePrefix="1" applyFont="1" applyFill="1">
      <alignment vertical="center"/>
    </xf>
    <xf numFmtId="49" fontId="24" fillId="0" borderId="10" xfId="42" applyNumberFormat="1" applyFont="1" applyFill="1" applyBorder="1" applyAlignment="1">
      <alignment vertical="center" wrapText="1"/>
    </xf>
    <xf numFmtId="0" fontId="24" fillId="0" borderId="10" xfId="45" applyFont="1" applyBorder="1" applyAlignment="1">
      <alignment vertical="center"/>
    </xf>
    <xf numFmtId="0" fontId="24" fillId="0" borderId="11" xfId="45" applyFont="1" applyBorder="1" applyAlignment="1">
      <alignment vertical="center"/>
    </xf>
    <xf numFmtId="0" fontId="24" fillId="0" borderId="11" xfId="0" applyFont="1" applyFill="1" applyBorder="1" applyAlignment="1">
      <alignment horizontal="left"/>
    </xf>
    <xf numFmtId="0" fontId="24" fillId="0" borderId="0" xfId="0" quotePrefix="1" applyFont="1" applyFill="1" applyAlignment="1">
      <alignment vertical="center"/>
    </xf>
    <xf numFmtId="49" fontId="24" fillId="0" borderId="10" xfId="0" applyNumberFormat="1" applyFont="1" applyFill="1" applyBorder="1" applyAlignment="1">
      <alignment vertical="center" shrinkToFit="1"/>
    </xf>
    <xf numFmtId="0" fontId="24" fillId="0" borderId="11" xfId="0" applyFont="1" applyFill="1" applyBorder="1" applyAlignment="1">
      <alignment horizontal="left" vertical="center" wrapText="1"/>
    </xf>
    <xf numFmtId="0" fontId="24" fillId="36" borderId="0" xfId="0" quotePrefix="1" applyFont="1" applyFill="1">
      <alignment vertical="center"/>
    </xf>
    <xf numFmtId="177" fontId="24" fillId="0" borderId="10" xfId="0" applyNumberFormat="1" applyFont="1" applyFill="1" applyBorder="1" applyAlignment="1">
      <alignment horizontal="left" vertical="center"/>
    </xf>
    <xf numFmtId="178" fontId="24" fillId="0" borderId="10" xfId="42" applyNumberFormat="1" applyFont="1" applyFill="1" applyBorder="1" applyAlignment="1">
      <alignment horizontal="left" vertical="center"/>
    </xf>
    <xf numFmtId="178" fontId="24" fillId="0" borderId="10" xfId="0" applyNumberFormat="1" applyFont="1" applyFill="1" applyBorder="1" applyAlignment="1">
      <alignment horizontal="left" vertical="center"/>
    </xf>
    <xf numFmtId="0" fontId="26" fillId="0" borderId="10" xfId="43" applyFont="1" applyFill="1" applyBorder="1" applyAlignment="1">
      <alignment vertical="center"/>
    </xf>
    <xf numFmtId="179" fontId="24" fillId="0" borderId="10" xfId="42" applyNumberFormat="1" applyFont="1" applyFill="1" applyBorder="1" applyAlignment="1">
      <alignment horizontal="left" vertical="center"/>
    </xf>
    <xf numFmtId="180" fontId="24" fillId="0" borderId="10" xfId="42" applyNumberFormat="1" applyFont="1" applyFill="1" applyBorder="1" applyAlignment="1">
      <alignment horizontal="left" vertical="center"/>
    </xf>
    <xf numFmtId="0" fontId="27" fillId="0" borderId="0" xfId="0" applyFont="1">
      <alignment vertical="center"/>
    </xf>
    <xf numFmtId="0" fontId="27" fillId="0" borderId="0" xfId="0" applyFont="1" applyAlignment="1"/>
    <xf numFmtId="0" fontId="24" fillId="34" borderId="12" xfId="0" applyFont="1" applyFill="1" applyBorder="1" applyAlignment="1">
      <alignment vertical="center"/>
    </xf>
    <xf numFmtId="0" fontId="24" fillId="0" borderId="12" xfId="0" applyFont="1" applyFill="1" applyBorder="1" applyAlignment="1">
      <alignment vertical="center"/>
    </xf>
    <xf numFmtId="49" fontId="24" fillId="0" borderId="12" xfId="0" applyNumberFormat="1" applyFont="1" applyFill="1" applyBorder="1" applyAlignment="1">
      <alignment vertical="center"/>
    </xf>
    <xf numFmtId="0" fontId="24" fillId="0" borderId="12" xfId="0" applyNumberFormat="1" applyFont="1" applyFill="1" applyBorder="1" applyAlignment="1">
      <alignment vertical="center"/>
    </xf>
    <xf numFmtId="0" fontId="24" fillId="0" borderId="12" xfId="0" applyFont="1" applyFill="1" applyBorder="1" applyAlignment="1">
      <alignment horizontal="left" vertical="center"/>
    </xf>
    <xf numFmtId="0" fontId="24" fillId="0" borderId="13" xfId="0" applyFont="1" applyFill="1" applyBorder="1" applyAlignment="1">
      <alignment horizontal="left" vertical="top"/>
    </xf>
    <xf numFmtId="0" fontId="24" fillId="0" borderId="10" xfId="42" applyNumberFormat="1" applyFont="1" applyFill="1" applyBorder="1" applyAlignment="1">
      <alignment horizontal="left" vertical="center"/>
    </xf>
    <xf numFmtId="0" fontId="24" fillId="0" borderId="10" xfId="42" applyFont="1" applyBorder="1" applyAlignment="1">
      <alignment vertical="center"/>
    </xf>
    <xf numFmtId="49" fontId="24" fillId="0" borderId="10" xfId="42" applyNumberFormat="1" applyFont="1" applyBorder="1" applyAlignment="1">
      <alignment vertical="center"/>
    </xf>
    <xf numFmtId="0" fontId="24" fillId="0" borderId="10" xfId="42" applyFont="1" applyBorder="1" applyAlignment="1">
      <alignment horizontal="left" vertical="center"/>
    </xf>
    <xf numFmtId="0" fontId="24" fillId="0" borderId="10" xfId="0" applyFont="1" applyBorder="1" applyAlignment="1">
      <alignment horizontal="left" vertical="center"/>
    </xf>
    <xf numFmtId="49" fontId="24" fillId="0" borderId="10" xfId="0" applyNumberFormat="1" applyFont="1" applyBorder="1" applyAlignment="1">
      <alignment vertical="center"/>
    </xf>
    <xf numFmtId="0" fontId="26" fillId="0" borderId="10" xfId="43" quotePrefix="1" applyFont="1" applyFill="1" applyBorder="1" applyAlignment="1">
      <alignment vertical="center" wrapText="1"/>
    </xf>
    <xf numFmtId="0" fontId="26" fillId="0" borderId="10" xfId="43" applyFont="1" applyFill="1" applyBorder="1" applyAlignment="1">
      <alignment vertical="center" wrapText="1"/>
    </xf>
    <xf numFmtId="0" fontId="24" fillId="0" borderId="0" xfId="0" quotePrefix="1" applyFont="1" applyFill="1" applyAlignment="1">
      <alignment horizontal="left" vertical="center"/>
    </xf>
    <xf numFmtId="0" fontId="24" fillId="34" borderId="10" xfId="0" applyFont="1" applyFill="1" applyBorder="1" applyAlignment="1">
      <alignment horizontal="left" vertical="top"/>
    </xf>
    <xf numFmtId="0" fontId="24" fillId="0" borderId="10" xfId="0" applyFont="1" applyFill="1" applyBorder="1" applyAlignment="1">
      <alignment horizontal="right" vertical="top"/>
    </xf>
    <xf numFmtId="0" fontId="24" fillId="0" borderId="10" xfId="42" applyFont="1" applyFill="1" applyBorder="1" applyAlignment="1">
      <alignment horizontal="right" vertical="top"/>
    </xf>
    <xf numFmtId="49" fontId="24" fillId="0" borderId="10" xfId="42" applyNumberFormat="1" applyFont="1" applyFill="1" applyBorder="1" applyAlignment="1">
      <alignment horizontal="left" vertical="top"/>
    </xf>
    <xf numFmtId="0" fontId="24" fillId="0" borderId="10" xfId="42" applyNumberFormat="1" applyFont="1" applyFill="1" applyBorder="1" applyAlignment="1">
      <alignment horizontal="left" vertical="top"/>
    </xf>
    <xf numFmtId="0" fontId="24" fillId="0" borderId="10" xfId="42" applyFont="1" applyFill="1" applyBorder="1" applyAlignment="1">
      <alignment horizontal="left" vertical="top"/>
    </xf>
    <xf numFmtId="0" fontId="24" fillId="0" borderId="10" xfId="0" applyFont="1" applyFill="1" applyBorder="1" applyAlignment="1">
      <alignment horizontal="left" vertical="top"/>
    </xf>
    <xf numFmtId="49" fontId="24" fillId="0" borderId="10" xfId="0" applyNumberFormat="1" applyFont="1" applyFill="1" applyBorder="1" applyAlignment="1">
      <alignment horizontal="left" vertical="top"/>
    </xf>
    <xf numFmtId="0" fontId="24" fillId="0" borderId="10" xfId="0" applyNumberFormat="1" applyFont="1" applyFill="1" applyBorder="1" applyAlignment="1">
      <alignment horizontal="left" vertical="top"/>
    </xf>
    <xf numFmtId="0" fontId="24" fillId="0" borderId="10" xfId="0" applyFont="1" applyFill="1" applyBorder="1" applyAlignment="1">
      <alignment horizontal="right" vertical="center" wrapText="1"/>
    </xf>
    <xf numFmtId="0" fontId="24" fillId="0" borderId="10" xfId="42" applyFont="1" applyFill="1" applyBorder="1" applyAlignment="1">
      <alignment horizontal="right" vertical="center"/>
    </xf>
    <xf numFmtId="0" fontId="28" fillId="0" borderId="0" xfId="0" applyFont="1">
      <alignment vertical="center"/>
    </xf>
    <xf numFmtId="0" fontId="24" fillId="0" borderId="0" xfId="0" applyFont="1" applyFill="1">
      <alignment vertical="center"/>
    </xf>
    <xf numFmtId="0" fontId="24" fillId="0" borderId="11" xfId="42" applyFont="1" applyFill="1" applyBorder="1" applyAlignment="1">
      <alignment horizontal="left" vertical="center"/>
    </xf>
    <xf numFmtId="0" fontId="24" fillId="35" borderId="0" xfId="0" applyFont="1" applyFill="1">
      <alignment vertical="center"/>
    </xf>
  </cellXfs>
  <cellStyles count="46">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xfId="1" builtinId="15" customBuiltin="1"/>
    <cellStyle name="チェック セル" xfId="13" builtinId="23" customBuiltin="1"/>
    <cellStyle name="どちらでもない" xfId="8" builtinId="28" customBuiltin="1"/>
    <cellStyle name="ハイパーリンク" xfId="43" builtinId="8"/>
    <cellStyle name="メモ" xfId="15" builtinId="10" customBuiltin="1"/>
    <cellStyle name="リンク セル" xfId="12" builtinId="24" customBuiltin="1"/>
    <cellStyle name="悪い" xfId="7" builtinId="27" customBuiltin="1"/>
    <cellStyle name="計算" xfId="11" builtinId="22" customBuiltin="1"/>
    <cellStyle name="警告文" xfId="14" builtinId="11" customBuiltin="1"/>
    <cellStyle name="桁区切り 3" xfId="44"/>
    <cellStyle name="見出し 1" xfId="2" builtinId="16" customBuiltin="1"/>
    <cellStyle name="見出し 2" xfId="3" builtinId="17" customBuiltin="1"/>
    <cellStyle name="見出し 3" xfId="4" builtinId="18" customBuiltin="1"/>
    <cellStyle name="見出し 4" xfId="5" builtinId="19" customBuiltin="1"/>
    <cellStyle name="集計" xfId="17" builtinId="25" customBuiltin="1"/>
    <cellStyle name="出力" xfId="10" builtinId="21" customBuiltin="1"/>
    <cellStyle name="説明文" xfId="16" builtinId="53" customBuiltin="1"/>
    <cellStyle name="入力" xfId="9" builtinId="20" customBuiltin="1"/>
    <cellStyle name="標準" xfId="0" builtinId="0"/>
    <cellStyle name="標準 2" xfId="42"/>
    <cellStyle name="標準 3" xfId="45"/>
    <cellStyle name="良い" xfId="6" builtinId="26" customBuiltin="1"/>
  </cellStyles>
  <dxfs count="3">
    <dxf>
      <numFmt numFmtId="182" formatCode="0;;;@"/>
    </dxf>
    <dxf>
      <numFmt numFmtId="182" formatCode="0;;;@"/>
    </dxf>
    <dxf>
      <numFmt numFmtId="182" formatCode="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6.xml"/><Relationship Id="rId13" Type="http://schemas.openxmlformats.org/officeDocument/2006/relationships/externalLink" Target="externalLinks/externalLink11.xml"/><Relationship Id="rId18" Type="http://schemas.openxmlformats.org/officeDocument/2006/relationships/externalLink" Target="externalLinks/externalLink16.xml"/><Relationship Id="rId3" Type="http://schemas.openxmlformats.org/officeDocument/2006/relationships/externalLink" Target="externalLinks/externalLink1.xml"/><Relationship Id="rId21" Type="http://schemas.openxmlformats.org/officeDocument/2006/relationships/externalLink" Target="externalLinks/externalLink19.xml"/><Relationship Id="rId7" Type="http://schemas.openxmlformats.org/officeDocument/2006/relationships/externalLink" Target="externalLinks/externalLink5.xml"/><Relationship Id="rId12" Type="http://schemas.openxmlformats.org/officeDocument/2006/relationships/externalLink" Target="externalLinks/externalLink10.xml"/><Relationship Id="rId17" Type="http://schemas.openxmlformats.org/officeDocument/2006/relationships/externalLink" Target="externalLinks/externalLink15.xml"/><Relationship Id="rId25"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externalLink" Target="externalLinks/externalLink14.xml"/><Relationship Id="rId20" Type="http://schemas.openxmlformats.org/officeDocument/2006/relationships/externalLink" Target="externalLinks/externalLink18.xml"/><Relationship Id="rId1" Type="http://schemas.openxmlformats.org/officeDocument/2006/relationships/worksheet" Target="worksheets/sheet1.xml"/><Relationship Id="rId6" Type="http://schemas.openxmlformats.org/officeDocument/2006/relationships/externalLink" Target="externalLinks/externalLink4.xml"/><Relationship Id="rId11" Type="http://schemas.openxmlformats.org/officeDocument/2006/relationships/externalLink" Target="externalLinks/externalLink9.xml"/><Relationship Id="rId24" Type="http://schemas.openxmlformats.org/officeDocument/2006/relationships/styles" Target="styles.xml"/><Relationship Id="rId5" Type="http://schemas.openxmlformats.org/officeDocument/2006/relationships/externalLink" Target="externalLinks/externalLink3.xml"/><Relationship Id="rId15" Type="http://schemas.openxmlformats.org/officeDocument/2006/relationships/externalLink" Target="externalLinks/externalLink13.xml"/><Relationship Id="rId23" Type="http://schemas.openxmlformats.org/officeDocument/2006/relationships/theme" Target="theme/theme1.xml"/><Relationship Id="rId10" Type="http://schemas.openxmlformats.org/officeDocument/2006/relationships/externalLink" Target="externalLinks/externalLink8.xml"/><Relationship Id="rId19" Type="http://schemas.openxmlformats.org/officeDocument/2006/relationships/externalLink" Target="externalLinks/externalLink17.xml"/><Relationship Id="rId4" Type="http://schemas.openxmlformats.org/officeDocument/2006/relationships/externalLink" Target="externalLinks/externalLink2.xml"/><Relationship Id="rId9" Type="http://schemas.openxmlformats.org/officeDocument/2006/relationships/externalLink" Target="externalLinks/externalLink7.xml"/><Relationship Id="rId14" Type="http://schemas.openxmlformats.org/officeDocument/2006/relationships/externalLink" Target="externalLinks/externalLink12.xml"/><Relationship Id="rId22" Type="http://schemas.openxmlformats.org/officeDocument/2006/relationships/externalLink" Target="externalLinks/externalLink20.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107new\10_&#12487;&#12540;&#12479;&#36899;&#25658;&#25512;&#36914;G\06_&#12458;&#12540;&#12503;&#12531;&#12487;&#12540;&#12479;\01_&#24193;&#20869;\03_&#12458;&#12540;&#12503;&#12531;&#12487;&#12540;&#12479;&#12469;&#12452;&#12488;\05_&#24066;&#30010;&#26449;&#20849;&#21516;&#20844;&#38283;&#12487;&#12540;&#12479;&#26356;&#26032;&#65288;&#24180;&#24230;&#26411;&#65289;\2021&#24180;&#24230;\02&#22238;&#31572;\04&#20844;&#31435;&#23567;&#12539;&#20013;&#12539;&#39640;&#31561;&#23398;&#26657;&#31561;&#19968;&#35239;\&#9679;33&#28165;&#24029;&#26449;&#65288;&#20462;&#27491;&#12394;&#12375;&#65289;\&#12304;&#28165;&#24029;&#26449;%20&#20462;&#27491;&#28961;&#12305;4_&#20844;&#31435;&#23567;&#12539;&#20013;&#12539;&#39640;&#31561;&#23398;&#26657;&#31561;&#19968;&#35239;.XLSX"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13&#21402;&#26408;&#24066;/&#12304;&#21402;&#26408;&#24066;&#12305;03_&#20844;&#31435;&#23567;&#12539;&#20013;&#12539;&#39640;&#31561;&#23398;&#26657;&#31561;&#19968;&#35239;.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15&#20234;&#21218;&#21407;&#24066;/&#20234;&#21218;&#21407;&#24066;03_&#20844;&#31435;&#23567;&#12539;&#20013;&#12539;&#39640;&#31561;&#23398;&#26657;&#31561;&#19968;&#3523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19&#32190;&#28716;&#24066;/&#12304;&#32190;&#28716;&#24066;&#12305;03_&#20844;&#31435;&#23567;&#12539;&#20013;&#12539;&#39640;&#31561;&#23398;&#26657;&#31561;&#19968;&#35239;.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10_&#12487;&#12540;&#12479;&#36899;&#25658;&#25512;&#36914;G/06_&#12458;&#12540;&#12503;&#12531;&#12487;&#12540;&#12479;/01_&#24193;&#20869;/03_&#12458;&#12540;&#12503;&#12531;&#12487;&#12540;&#12479;&#12469;&#12452;&#12488;/05_&#24066;&#30010;&#26449;&#20849;&#21516;&#20844;&#38283;&#12487;&#12540;&#12479;&#26356;&#26032;&#65288;&#24180;&#24230;&#26411;&#65289;/2021&#24180;&#24230;/02&#22238;&#31572;/04&#20844;&#31435;&#23567;&#12539;&#20013;&#12539;&#39640;&#31561;&#23398;&#26657;&#31561;&#19968;&#35239;/&#9733;00&#31070;&#22856;&#24029;&#30476;/01_&#65308;&#24046;&#26367;&#65310;&#65288;&#25945;&#12499;&#12539;&#24195;&#22577;&#65289;&#20844;&#31435;&#23567;&#12539;&#20013;&#12539;&#39640;&#31561;&#23398;&#26657;&#31561;&#19968;&#35239;.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21&#23506;&#24029;&#30010;/&#23506;&#24029;&#30010;03_&#20844;&#31435;&#23567;&#12539;&#20013;&#12539;&#39640;&#31561;&#23398;&#26657;&#31561;&#19968;&#35239;.xlsx.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22&#22823;&#30959;&#30010;/&#22823;&#30959;&#30010;03_&#20844;&#31435;&#23567;&#12539;&#20013;&#12539;&#39640;&#31561;&#23398;&#26657;&#31561;&#19968;&#35239;.xlsx.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23&#20108;&#23470;&#30010;/&#20108;&#23470;&#30010;03_&#20844;&#31435;&#23567;&#12539;&#20013;&#12539;&#39640;&#31561;&#23398;&#26657;&#31561;&#19968;&#35239;.XLSX" TargetMode="External"/></Relationships>
</file>

<file path=xl/externalLinks/_rels/externalLink17.xml.rels><?xml version="1.0" encoding="UTF-8" standalone="yes"?>
<Relationships xmlns="http://schemas.openxmlformats.org/package/2006/relationships"><Relationship Id="rId1" Type="http://schemas.microsoft.com/office/2006/relationships/xlExternalLinkPath/xlPathMissing" Target="&#12304;&#25945;&#32946;&#35506;&#12305;03_&#20844;&#31435;&#23567;&#12539;&#20013;&#12539;&#39640;&#31561;&#23398;&#26657;&#31561;&#19968;&#35239;.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29&#31665;&#26681;&#30010;/&#31665;&#26681;&#30010;03_&#20844;&#31435;&#23567;&#12539;&#20013;&#12539;&#39640;&#31561;&#23398;&#26657;&#31561;&#19968;&#35239;.xlsx.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32&#24859;&#24029;&#30010;/&#24859;&#24029;&#30010;03_&#20844;&#31435;&#23567;&#12539;&#20013;&#12539;&#39640;&#31561;&#23398;&#26657;&#31561;&#19968;&#3523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00&#31070;&#22856;&#24029;&#30476;/03_&#12304;&#25945;&#32946;&#23616;&#22238;&#31572;(&#30476;&#31435;&#23398;&#26657;)&#12305;&#20844;&#31435;&#23567;&#12539;&#20013;&#12539;&#39640;&#31561;&#23398;&#26657;&#31561;&#19968;&#35239;.xlsx.XLSX"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03&#22238;&#31572;/04&#20844;&#31435;&#23567;&#12539;&#20013;&#12539;&#39640;&#31561;&#23398;&#26657;&#31561;&#19968;&#35239;/30&#30495;&#40372;&#30010;/06_&#23398;&#26657;.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01&#27178;&#27996;&#24066;/&#27178;&#27996;&#24066;03_&#20844;&#31435;&#23567;&#12539;&#20013;&#12539;&#39640;&#31561;&#23398;&#26657;&#31561;&#19968;&#35239;.xlsx.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02&#24029;&#23822;&#24066;/&#24029;&#23822;&#24066;03_&#20844;&#31435;&#23567;&#12539;&#20013;&#12539;&#39640;&#31561;&#23398;&#26657;&#31561;&#19968;&#35239;.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03&#30456;&#27169;&#21407;&#24066;/&#30456;&#27169;&#21407;&#24066;03_&#20844;&#31435;&#23567;&#12539;&#20013;&#12539;&#39640;&#31561;&#23398;&#26657;&#31561;&#19968;&#35239;.xlsx.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05&#24179;&#22618;&#24066;/&#24179;&#64016;&#24066;04_&#20844;&#31435;&#23567;&#12539;&#20013;&#12539;&#39640;&#31561;&#23398;&#26657;&#31561;&#19968;&#35239;.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06&#37772;&#20489;&#24066;/&#37772;&#20489;&#24066;03_&#20844;&#31435;&#23567;&#12539;&#20013;&#12539;&#39640;&#31561;&#23398;&#26657;&#31561;&#19968;&#35239;.xlsx&#65288;&#22238;&#31572;&#65289;.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08&#23567;&#30000;&#21407;&#24066;/&#23567;&#30000;&#21407;&#24066;03_&#20844;&#31435;&#23567;&#12539;&#20013;&#12539;&#39640;&#31561;&#23398;&#26657;&#31561;&#19968;&#35239;.xlsx.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10_&#12487;&#12540;&#12479;&#36899;&#25658;&#25512;&#36914;G/42_&#12458;&#12540;&#12503;&#12531;&#12487;&#12540;&#12479;&#36939;&#29992;/02_&#12458;&#12540;&#12503;&#12531;&#12487;&#12540;&#12479;&#12469;&#12452;&#12488;/05_&#24066;&#30010;&#26449;&#20849;&#21516;&#20844;&#38283;&#12487;&#12540;&#12479;&#26356;&#26032;&#65288;&#24180;&#24230;&#26411;&#65289;/2023&#24180;&#24230;/&#22238;&#31572;/04&#20844;&#31435;&#23567;&#12539;&#20013;&#12539;&#39640;&#31561;&#23398;&#26657;&#31561;&#19968;&#35239;/&#9733;10&#36887;&#23376;&#24066;/03_&#20844;&#31435;&#23567;&#12539;&#20013;&#12539;&#39640;&#31561;&#23398;&#26657;&#31561;&#19968;&#35239;.xlsx.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市町村フォーマット"/>
      <sheetName val="リスト"/>
    </sheetNames>
    <sheetDataSet>
      <sheetData sheetId="0" refreshError="1"/>
      <sheetData sheetId="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市町村フォーマット"/>
      <sheetName val="リスト"/>
    </sheetNames>
    <sheetDataSet>
      <sheetData sheetId="0"/>
      <sheetData sheetId="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立小・中・高等学校等"/>
      <sheetName val="リスト"/>
    </sheetNames>
    <sheetDataSet>
      <sheetData sheetId="0" refreshError="1"/>
      <sheetData sheetId="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立小・中・高等学校等"/>
      <sheetName val="リスト"/>
    </sheetNames>
    <sheetDataSet>
      <sheetData sheetId="0" refreshError="1"/>
      <sheetData sheetId="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立小・中・高等学校等"/>
      <sheetName val="リスト"/>
    </sheetNames>
    <sheetDataSet>
      <sheetData sheetId="0" refreshError="1"/>
      <sheetData sheetId="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立小・中・高等学校等"/>
      <sheetName val="リスト"/>
    </sheetNames>
    <sheetDataSet>
      <sheetData sheetId="0" refreshError="1"/>
      <sheetData sheetId="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リスト"/>
    </sheetNames>
    <sheetDataSet>
      <sheetData sheetId="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立小・中・高等学校等"/>
      <sheetName val="リスト"/>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17" Type="http://schemas.openxmlformats.org/officeDocument/2006/relationships/hyperlink" Target="https://www15.schoolweb.ne.jp/swas/index.php?id=1410008" TargetMode="External"/><Relationship Id="rId21" Type="http://schemas.openxmlformats.org/officeDocument/2006/relationships/hyperlink" Target="https://edu.city.chigasaki.kanagawa.jp/lower_secondary/tsurumine/index.html" TargetMode="External"/><Relationship Id="rId42" Type="http://schemas.openxmlformats.org/officeDocument/2006/relationships/hyperlink" Target="http://www.city.miura.kanagawa.jp/kyouiku/minami-jr/index.html" TargetMode="External"/><Relationship Id="rId63" Type="http://schemas.openxmlformats.org/officeDocument/2006/relationships/hyperlink" Target="https://www.pen-kanagawa.ed.jp/sagamiharayaei-h" TargetMode="External"/><Relationship Id="rId84" Type="http://schemas.openxmlformats.org/officeDocument/2006/relationships/hyperlink" Target="https://www.fureai-cloud.jp/kamakura-yamasyou/" TargetMode="External"/><Relationship Id="rId16" Type="http://schemas.openxmlformats.org/officeDocument/2006/relationships/hyperlink" Target="https://edu.city.chigasaki.kanagawa.jp/elementary/higashikaigan/index.html" TargetMode="External"/><Relationship Id="rId107" Type="http://schemas.openxmlformats.org/officeDocument/2006/relationships/hyperlink" Target="http://www.city-zushi.ed.jp/j-numama/" TargetMode="External"/><Relationship Id="rId11" Type="http://schemas.openxmlformats.org/officeDocument/2006/relationships/hyperlink" Target="https://edu.city.chigasaki.kanagawa.jp/elementary/yanagishima/index.html" TargetMode="External"/><Relationship Id="rId32" Type="http://schemas.openxmlformats.org/officeDocument/2006/relationships/hyperlink" Target="https://edu.city.chigasaki.kanagawa.jp/lower_secondary/hagisono/index.html" TargetMode="External"/><Relationship Id="rId37" Type="http://schemas.openxmlformats.org/officeDocument/2006/relationships/hyperlink" Target="http://www.city.miura.kanagawa.jp/kyouiku/miyata/index.html" TargetMode="External"/><Relationship Id="rId53" Type="http://schemas.openxmlformats.org/officeDocument/2006/relationships/hyperlink" Target="http://okachu.ed-minamiashigara.jp/" TargetMode="External"/><Relationship Id="rId58" Type="http://schemas.openxmlformats.org/officeDocument/2006/relationships/hyperlink" Target="http://yusho527.jp/" TargetMode="External"/><Relationship Id="rId74" Type="http://schemas.openxmlformats.org/officeDocument/2006/relationships/hyperlink" Target="https://www.edu.city.yokohama.lg.jp/school/es/ichiba/" TargetMode="External"/><Relationship Id="rId79" Type="http://schemas.openxmlformats.org/officeDocument/2006/relationships/hyperlink" Target="https://www.fureai-cloud.jp/kamakura-kosisyou/" TargetMode="External"/><Relationship Id="rId102" Type="http://schemas.openxmlformats.org/officeDocument/2006/relationships/hyperlink" Target="http://www.city-zushi.ed.jp/e-hisagi/" TargetMode="External"/><Relationship Id="rId123" Type="http://schemas.openxmlformats.org/officeDocument/2006/relationships/hyperlink" Target="https://www15.schoolweb.ne.jp/swas/index.php?id=1420005" TargetMode="External"/><Relationship Id="rId128" Type="http://schemas.openxmlformats.org/officeDocument/2006/relationships/hyperlink" Target="http://kokufu-es.oiso.andteacher.jp/" TargetMode="External"/><Relationship Id="rId5" Type="http://schemas.openxmlformats.org/officeDocument/2006/relationships/hyperlink" Target="https://edu.city.chigasaki.kanagawa.jp/elementary/koide/index.html" TargetMode="External"/><Relationship Id="rId90" Type="http://schemas.openxmlformats.org/officeDocument/2006/relationships/hyperlink" Target="https://www.fureai-cloud.jp/kamakura-uekisyou/" TargetMode="External"/><Relationship Id="rId95" Type="http://schemas.openxmlformats.org/officeDocument/2006/relationships/hyperlink" Target="https://www.fureai-cloud.jp/kamakura-hukatyuu/" TargetMode="External"/><Relationship Id="rId22" Type="http://schemas.openxmlformats.org/officeDocument/2006/relationships/hyperlink" Target="https://edu.city.chigasaki.kanagawa.jp/lower_secondary/shorin/index.html" TargetMode="External"/><Relationship Id="rId27" Type="http://schemas.openxmlformats.org/officeDocument/2006/relationships/hyperlink" Target="https://edu.city.chigasaki.kanagawa.jp/lower_secondary/hamasuka/index.html" TargetMode="External"/><Relationship Id="rId43" Type="http://schemas.openxmlformats.org/officeDocument/2006/relationships/hyperlink" Target="http://www.city.miura.kanagawa.jp/kyouiku/hasse-jr/index.html" TargetMode="External"/><Relationship Id="rId48" Type="http://schemas.openxmlformats.org/officeDocument/2006/relationships/hyperlink" Target="http://fukusho.ed-minamiashigara.jp/" TargetMode="External"/><Relationship Id="rId64" Type="http://schemas.openxmlformats.org/officeDocument/2006/relationships/hyperlink" Target="https://www.pen-kanagawa.ed.jp/aihara-h" TargetMode="External"/><Relationship Id="rId69" Type="http://schemas.openxmlformats.org/officeDocument/2006/relationships/hyperlink" Target="https://www.edu.city.yokohama.lg.jp/school/es/sugetanooka/" TargetMode="External"/><Relationship Id="rId113" Type="http://schemas.openxmlformats.org/officeDocument/2006/relationships/hyperlink" Target="https://www15.schoolweb.ne.jp/swas/index.php?id=1410004" TargetMode="External"/><Relationship Id="rId118" Type="http://schemas.openxmlformats.org/officeDocument/2006/relationships/hyperlink" Target="https://www15.schoolweb.ne.jp/swas/index.php?id=1410009" TargetMode="External"/><Relationship Id="rId134" Type="http://schemas.openxmlformats.org/officeDocument/2006/relationships/hyperlink" Target="https://nakai-inokuchi.nakai-kanagawa.ed.jp/" TargetMode="External"/><Relationship Id="rId80" Type="http://schemas.openxmlformats.org/officeDocument/2006/relationships/hyperlink" Target="https://www.fureai-cloud.jp/kamakura-hukasyou/" TargetMode="External"/><Relationship Id="rId85" Type="http://schemas.openxmlformats.org/officeDocument/2006/relationships/hyperlink" Target="https://www.fureai-cloud.jp/kamakura-imasyou/" TargetMode="External"/><Relationship Id="rId12" Type="http://schemas.openxmlformats.org/officeDocument/2006/relationships/hyperlink" Target="https://edu.city.chigasaki.kanagawa.jp/elementary/kowada/index.html" TargetMode="External"/><Relationship Id="rId17" Type="http://schemas.openxmlformats.org/officeDocument/2006/relationships/hyperlink" Target="https://edu.city.chigasaki.kanagawa.jp/elementary/hamanogou/index.html" TargetMode="External"/><Relationship Id="rId33" Type="http://schemas.openxmlformats.org/officeDocument/2006/relationships/hyperlink" Target="http://www.city.miura.kanagawa.jp/kyouiku/misaki/index.html" TargetMode="External"/><Relationship Id="rId38" Type="http://schemas.openxmlformats.org/officeDocument/2006/relationships/hyperlink" Target="http://www.city.miura.kanagawa.jp/kyouiku/asahi/index.html" TargetMode="External"/><Relationship Id="rId59" Type="http://schemas.openxmlformats.org/officeDocument/2006/relationships/hyperlink" Target="http://www.yugawarayoshihamasyo.jp/" TargetMode="External"/><Relationship Id="rId103" Type="http://schemas.openxmlformats.org/officeDocument/2006/relationships/hyperlink" Target="http://www.city-zushi.ed.jp/e-kotubo/" TargetMode="External"/><Relationship Id="rId108" Type="http://schemas.openxmlformats.org/officeDocument/2006/relationships/hyperlink" Target="http://www.isehara.ed.jp/ohta-e/" TargetMode="External"/><Relationship Id="rId124" Type="http://schemas.openxmlformats.org/officeDocument/2006/relationships/hyperlink" Target="https://www15.schoolweb.ne.jp/swas/index.php?id=1420006" TargetMode="External"/><Relationship Id="rId129" Type="http://schemas.openxmlformats.org/officeDocument/2006/relationships/hyperlink" Target="http://oiso-jh.oiso.andteacher.jp/" TargetMode="External"/><Relationship Id="rId54" Type="http://schemas.openxmlformats.org/officeDocument/2006/relationships/hyperlink" Target="http://daichu.ed-minamiashigara.jp/" TargetMode="External"/><Relationship Id="rId70" Type="http://schemas.openxmlformats.org/officeDocument/2006/relationships/hyperlink" Target="https://www.edu.city.yokohama.lg.jp/school/jhs/hs-minami/" TargetMode="External"/><Relationship Id="rId75" Type="http://schemas.openxmlformats.org/officeDocument/2006/relationships/hyperlink" Target="https://www.fureai-cloud.jp/kamakura-itisyou/" TargetMode="External"/><Relationship Id="rId91" Type="http://schemas.openxmlformats.org/officeDocument/2006/relationships/hyperlink" Target="https://www.fureai-cloud.jp/kamakura-ittyuu/" TargetMode="External"/><Relationship Id="rId96" Type="http://schemas.openxmlformats.org/officeDocument/2006/relationships/hyperlink" Target="https://www.fureai-cloud.jp/kamakura-ootyuu/" TargetMode="External"/><Relationship Id="rId1" Type="http://schemas.openxmlformats.org/officeDocument/2006/relationships/hyperlink" Target="https://edu.city.chigasaki.kanagawa.jp/elementary/chigasaki/index.html" TargetMode="External"/><Relationship Id="rId6" Type="http://schemas.openxmlformats.org/officeDocument/2006/relationships/hyperlink" Target="https://edu.city.chigasaki.kanagawa.jp/elementary/matsunami/index.html" TargetMode="External"/><Relationship Id="rId23" Type="http://schemas.openxmlformats.org/officeDocument/2006/relationships/hyperlink" Target="https://edu.city.chigasaki.kanagawa.jp/lower_secondary/nishihama/index.html" TargetMode="External"/><Relationship Id="rId28" Type="http://schemas.openxmlformats.org/officeDocument/2006/relationships/hyperlink" Target="https://edu.city.chigasaki.kanagawa.jp/lower_secondary/hokuyou/index.html" TargetMode="External"/><Relationship Id="rId49" Type="http://schemas.openxmlformats.org/officeDocument/2006/relationships/hyperlink" Target="http://okasho.ed-minamiashigara.jp/" TargetMode="External"/><Relationship Id="rId114" Type="http://schemas.openxmlformats.org/officeDocument/2006/relationships/hyperlink" Target="https://www15.schoolweb.ne.jp/swas/index.php?id=1410005" TargetMode="External"/><Relationship Id="rId119" Type="http://schemas.openxmlformats.org/officeDocument/2006/relationships/hyperlink" Target="https://www15.schoolweb.ne.jp/swas/index.php?id=1410010" TargetMode="External"/><Relationship Id="rId44" Type="http://schemas.openxmlformats.org/officeDocument/2006/relationships/hyperlink" Target="http://www.town.yamakita.kanagawa.jp/0000000511.html" TargetMode="External"/><Relationship Id="rId60" Type="http://schemas.openxmlformats.org/officeDocument/2006/relationships/hyperlink" Target="http://azum1095.jp/" TargetMode="External"/><Relationship Id="rId65" Type="http://schemas.openxmlformats.org/officeDocument/2006/relationships/hyperlink" Target="https://www.pen-kanagawa.ed.jp/arima-h" TargetMode="External"/><Relationship Id="rId81" Type="http://schemas.openxmlformats.org/officeDocument/2006/relationships/hyperlink" Target="https://www.fureai-cloud.jp/kamakura-sakasyou/" TargetMode="External"/><Relationship Id="rId86" Type="http://schemas.openxmlformats.org/officeDocument/2006/relationships/hyperlink" Target="https://www.fureai-cloud.jp/kamakura-nisikama/" TargetMode="External"/><Relationship Id="rId130" Type="http://schemas.openxmlformats.org/officeDocument/2006/relationships/hyperlink" Target="http://kokufu-jh.oiso.andteacher.jp/" TargetMode="External"/><Relationship Id="rId135" Type="http://schemas.openxmlformats.org/officeDocument/2006/relationships/hyperlink" Target="https://nakai-jhs.nakai.nakai-kanagawa.ed.jp/" TargetMode="External"/><Relationship Id="rId13" Type="http://schemas.openxmlformats.org/officeDocument/2006/relationships/hyperlink" Target="https://edu.city.chigasaki.kanagawa.jp/elementary/enzou/index.html" TargetMode="External"/><Relationship Id="rId18" Type="http://schemas.openxmlformats.org/officeDocument/2006/relationships/hyperlink" Target="https://edu.city.chigasaki.kanagawa.jp/elementary/midorigahama/index.html" TargetMode="External"/><Relationship Id="rId39" Type="http://schemas.openxmlformats.org/officeDocument/2006/relationships/hyperlink" Target="http://www.city.miura.kanagawa.jp/kyouiku/kenzaki/index.html" TargetMode="External"/><Relationship Id="rId109" Type="http://schemas.openxmlformats.org/officeDocument/2006/relationships/hyperlink" Target="http://www.isehara.ed.jp/midoridai-e/" TargetMode="External"/><Relationship Id="rId34" Type="http://schemas.openxmlformats.org/officeDocument/2006/relationships/hyperlink" Target="http://www.city.miura.kanagawa.jp/kyouiku/kouyou/index.html" TargetMode="External"/><Relationship Id="rId50" Type="http://schemas.openxmlformats.org/officeDocument/2006/relationships/hyperlink" Target="http://iwasho.ed-minamiashigara.jp/" TargetMode="External"/><Relationship Id="rId55" Type="http://schemas.openxmlformats.org/officeDocument/2006/relationships/hyperlink" Target="https://matsuda-jhs.matsuda.andteacher.jp/" TargetMode="External"/><Relationship Id="rId76" Type="http://schemas.openxmlformats.org/officeDocument/2006/relationships/hyperlink" Target="https://www.fureai-cloud.jp/kamakura-nisyou/" TargetMode="External"/><Relationship Id="rId97" Type="http://schemas.openxmlformats.org/officeDocument/2006/relationships/hyperlink" Target="https://www.fureai-cloud.jp/kamakura-tamatyuu/" TargetMode="External"/><Relationship Id="rId104" Type="http://schemas.openxmlformats.org/officeDocument/2006/relationships/hyperlink" Target="http://www.city-zushi.ed.jp/e-ikego/" TargetMode="External"/><Relationship Id="rId120" Type="http://schemas.openxmlformats.org/officeDocument/2006/relationships/hyperlink" Target="https://www15.schoolweb.ne.jp/swas/index.php?id=1420002" TargetMode="External"/><Relationship Id="rId125" Type="http://schemas.openxmlformats.org/officeDocument/2006/relationships/hyperlink" Target="http://www.samukawa.ed.jp/okachu2/" TargetMode="External"/><Relationship Id="rId7" Type="http://schemas.openxmlformats.org/officeDocument/2006/relationships/hyperlink" Target="https://edu.city.chigasaki.kanagawa.jp/elementary/umeda/index.html" TargetMode="External"/><Relationship Id="rId71" Type="http://schemas.openxmlformats.org/officeDocument/2006/relationships/hyperlink" Target="http://www.edu.city.yokohama.lg.jp/school/ces/ryokuen" TargetMode="External"/><Relationship Id="rId92" Type="http://schemas.openxmlformats.org/officeDocument/2006/relationships/hyperlink" Target="https://www.fureai-cloud.jp/kamakura-nityuu/" TargetMode="External"/><Relationship Id="rId2" Type="http://schemas.openxmlformats.org/officeDocument/2006/relationships/hyperlink" Target="https://edu.city.chigasaki.kanagawa.jp/elementary/tsurumine/index.html" TargetMode="External"/><Relationship Id="rId29" Type="http://schemas.openxmlformats.org/officeDocument/2006/relationships/hyperlink" Target="https://edu.city.chigasaki.kanagawa.jp/lower_secondary/nakajima/index.html" TargetMode="External"/><Relationship Id="rId24" Type="http://schemas.openxmlformats.org/officeDocument/2006/relationships/hyperlink" Target="https://edu.city.chigasaki.kanagawa.jp/lower_secondary/matsunami/index.html" TargetMode="External"/><Relationship Id="rId40" Type="http://schemas.openxmlformats.org/officeDocument/2006/relationships/hyperlink" Target="http://www.city.miura.kanagawa.jp/kyouiku/hasse/index.html" TargetMode="External"/><Relationship Id="rId45" Type="http://schemas.openxmlformats.org/officeDocument/2006/relationships/hyperlink" Target="http://www.town.yamakita.kanagawa.jp/0000000511.html" TargetMode="External"/><Relationship Id="rId66" Type="http://schemas.openxmlformats.org/officeDocument/2006/relationships/hyperlink" Target="https://www.pen-kanagawa.ed.jp/yokohamaseya-h" TargetMode="External"/><Relationship Id="rId87" Type="http://schemas.openxmlformats.org/officeDocument/2006/relationships/hyperlink" Target="https://www.fureai-cloud.jp/kamakura-sitisyou/" TargetMode="External"/><Relationship Id="rId110" Type="http://schemas.openxmlformats.org/officeDocument/2006/relationships/hyperlink" Target="https://www15.schoolweb.ne.jp/swas/index.php?id=1410001" TargetMode="External"/><Relationship Id="rId115" Type="http://schemas.openxmlformats.org/officeDocument/2006/relationships/hyperlink" Target="https://www15.schoolweb.ne.jp/swas/index.php?id=1410006" TargetMode="External"/><Relationship Id="rId131" Type="http://schemas.openxmlformats.org/officeDocument/2006/relationships/hyperlink" Target="https://www.pref.kanagawa.jp/docs/t5f/cnt/f450049/p588425.html" TargetMode="External"/><Relationship Id="rId136" Type="http://schemas.openxmlformats.org/officeDocument/2006/relationships/printerSettings" Target="../printerSettings/printerSettings1.bin"/><Relationship Id="rId61" Type="http://schemas.openxmlformats.org/officeDocument/2006/relationships/hyperlink" Target="https://www.pen-kanagawa.ed.jp/hiratsukanoushou-h" TargetMode="External"/><Relationship Id="rId82" Type="http://schemas.openxmlformats.org/officeDocument/2006/relationships/hyperlink" Target="https://www.fureai-cloud.jp/kamakura-tamasyou/" TargetMode="External"/><Relationship Id="rId19" Type="http://schemas.openxmlformats.org/officeDocument/2006/relationships/hyperlink" Target="https://edu.city.chigasaki.kanagawa.jp/elementary/shiomidai/index.html" TargetMode="External"/><Relationship Id="rId14" Type="http://schemas.openxmlformats.org/officeDocument/2006/relationships/hyperlink" Target="https://edu.city.chigasaki.kanagawa.jp/elementary/imajuku/index.html" TargetMode="External"/><Relationship Id="rId30" Type="http://schemas.openxmlformats.org/officeDocument/2006/relationships/hyperlink" Target="https://edu.city.chigasaki.kanagawa.jp/lower_secondary/enzou/index.html" TargetMode="External"/><Relationship Id="rId35" Type="http://schemas.openxmlformats.org/officeDocument/2006/relationships/hyperlink" Target="http://www.city.miura.kanagawa.jp/kyouiku/nakou/index.html" TargetMode="External"/><Relationship Id="rId56" Type="http://schemas.openxmlformats.org/officeDocument/2006/relationships/hyperlink" Target="https://yadoriki-es.matsuda.andteacher.jp/" TargetMode="External"/><Relationship Id="rId77" Type="http://schemas.openxmlformats.org/officeDocument/2006/relationships/hyperlink" Target="https://www.fureai-cloud.jp/kamakura-narisyou/" TargetMode="External"/><Relationship Id="rId100" Type="http://schemas.openxmlformats.org/officeDocument/2006/relationships/hyperlink" Target="http://www.city-zushi.ed.jp/e-zushi/" TargetMode="External"/><Relationship Id="rId105" Type="http://schemas.openxmlformats.org/officeDocument/2006/relationships/hyperlink" Target="http://www.city-zushi.ed.jp/j-zushi/" TargetMode="External"/><Relationship Id="rId126" Type="http://schemas.openxmlformats.org/officeDocument/2006/relationships/hyperlink" Target="http://www.samukawa.ed.jp/higashi3/" TargetMode="External"/><Relationship Id="rId8" Type="http://schemas.openxmlformats.org/officeDocument/2006/relationships/hyperlink" Target="https://edu.city.chigasaki.kanagawa.jp/elementary/kagawa/index.html" TargetMode="External"/><Relationship Id="rId51" Type="http://schemas.openxmlformats.org/officeDocument/2006/relationships/hyperlink" Target="http://mukasho.ed-minamiashigara.jp/" TargetMode="External"/><Relationship Id="rId72" Type="http://schemas.openxmlformats.org/officeDocument/2006/relationships/hyperlink" Target="https://www.edu.city.yokohama.lg.jp/school/es/sueyoshi/" TargetMode="External"/><Relationship Id="rId93" Type="http://schemas.openxmlformats.org/officeDocument/2006/relationships/hyperlink" Target="https://www.fureai-cloud.jp/kamakura-narityuu/" TargetMode="External"/><Relationship Id="rId98" Type="http://schemas.openxmlformats.org/officeDocument/2006/relationships/hyperlink" Target="https://www.fureai-cloud.jp/kamakura-iwatyuu/" TargetMode="External"/><Relationship Id="rId121" Type="http://schemas.openxmlformats.org/officeDocument/2006/relationships/hyperlink" Target="https://www15.schoolweb.ne.jp/swas/index.php?id=1420003" TargetMode="External"/><Relationship Id="rId3" Type="http://schemas.openxmlformats.org/officeDocument/2006/relationships/hyperlink" Target="https://edu.city.chigasaki.kanagawa.jp/elementary/shorin/index.html" TargetMode="External"/><Relationship Id="rId25" Type="http://schemas.openxmlformats.org/officeDocument/2006/relationships/hyperlink" Target="https://edu.city.chigasaki.kanagawa.jp/lower_secondary/umeda/index.html" TargetMode="External"/><Relationship Id="rId46" Type="http://schemas.openxmlformats.org/officeDocument/2006/relationships/hyperlink" Target="http://www.city.yokosuka.kanagawa.jp/8110/sisetu/fc00000397.html" TargetMode="External"/><Relationship Id="rId67" Type="http://schemas.openxmlformats.org/officeDocument/2006/relationships/hyperlink" Target="https://www.pen-kanagawa.ed.jp/s-shiroyama-h" TargetMode="External"/><Relationship Id="rId116" Type="http://schemas.openxmlformats.org/officeDocument/2006/relationships/hyperlink" Target="https://www15.schoolweb.ne.jp/swas/index.php?id=1410007" TargetMode="External"/><Relationship Id="rId20" Type="http://schemas.openxmlformats.org/officeDocument/2006/relationships/hyperlink" Target="https://edu.city.chigasaki.kanagawa.jp/lower_secondary/daiichi/index.html" TargetMode="External"/><Relationship Id="rId41" Type="http://schemas.openxmlformats.org/officeDocument/2006/relationships/hyperlink" Target="http://www.city.miura.kanagawa.jp/kyouiku/kamihara-jr/index.html" TargetMode="External"/><Relationship Id="rId62" Type="http://schemas.openxmlformats.org/officeDocument/2006/relationships/hyperlink" Target="https://www.pen-kanagawa.ed.jp/yokosukaminami-h" TargetMode="External"/><Relationship Id="rId83" Type="http://schemas.openxmlformats.org/officeDocument/2006/relationships/hyperlink" Target="https://www.fureai-cloud.jp/kamakura-oosyou/" TargetMode="External"/><Relationship Id="rId88" Type="http://schemas.openxmlformats.org/officeDocument/2006/relationships/hyperlink" Target="https://www.fureai-cloud.jp/kamakura-fujisyou/" TargetMode="External"/><Relationship Id="rId111" Type="http://schemas.openxmlformats.org/officeDocument/2006/relationships/hyperlink" Target="https://www15.schoolweb.ne.jp/swas/index.php?id=1410002" TargetMode="External"/><Relationship Id="rId132" Type="http://schemas.openxmlformats.org/officeDocument/2006/relationships/hyperlink" Target="https://www.pref.kanagawa.jp/docs/t5f/cnt/f450049/p588425.html" TargetMode="External"/><Relationship Id="rId15" Type="http://schemas.openxmlformats.org/officeDocument/2006/relationships/hyperlink" Target="https://edu.city.chigasaki.kanagawa.jp/elementary/murota/index.html" TargetMode="External"/><Relationship Id="rId36" Type="http://schemas.openxmlformats.org/officeDocument/2006/relationships/hyperlink" Target="http://www.city.miura.kanagawa.jp/kyouiku/minami/index.html" TargetMode="External"/><Relationship Id="rId57" Type="http://schemas.openxmlformats.org/officeDocument/2006/relationships/hyperlink" Target="https://matsuda-es.matsuda.andteacher.jp/" TargetMode="External"/><Relationship Id="rId106" Type="http://schemas.openxmlformats.org/officeDocument/2006/relationships/hyperlink" Target="http://www.city-zushi.ed.jp/j-hisagi/" TargetMode="External"/><Relationship Id="rId127" Type="http://schemas.openxmlformats.org/officeDocument/2006/relationships/hyperlink" Target="http://oiso-es.oiso.andteacher.jp/" TargetMode="External"/><Relationship Id="rId10" Type="http://schemas.openxmlformats.org/officeDocument/2006/relationships/hyperlink" Target="https://edu.city.chigasaki.kanagawa.jp/elementary/tsurugadai/index.html" TargetMode="External"/><Relationship Id="rId31" Type="http://schemas.openxmlformats.org/officeDocument/2006/relationships/hyperlink" Target="https://edu.city.chigasaki.kanagawa.jp/lower_secondary/akabane/index.html" TargetMode="External"/><Relationship Id="rId52" Type="http://schemas.openxmlformats.org/officeDocument/2006/relationships/hyperlink" Target="http://nanchu.ed-minamiashigara.jp/" TargetMode="External"/><Relationship Id="rId73" Type="http://schemas.openxmlformats.org/officeDocument/2006/relationships/hyperlink" Target="https://www.edu.city.yokohama.lg.jp/school/es/toyooka/" TargetMode="External"/><Relationship Id="rId78" Type="http://schemas.openxmlformats.org/officeDocument/2006/relationships/hyperlink" Target="https://www.fureai-cloud.jp/kamakura-inasyou/" TargetMode="External"/><Relationship Id="rId94" Type="http://schemas.openxmlformats.org/officeDocument/2006/relationships/hyperlink" Target="https://www.fureai-cloud.jp/kamakura-kosityuu/" TargetMode="External"/><Relationship Id="rId99" Type="http://schemas.openxmlformats.org/officeDocument/2006/relationships/hyperlink" Target="https://www.fureai-cloud.jp/kamakura-tebityuu/" TargetMode="External"/><Relationship Id="rId101" Type="http://schemas.openxmlformats.org/officeDocument/2006/relationships/hyperlink" Target="http://www.city-zushi.ed.jp/e-numama/" TargetMode="External"/><Relationship Id="rId122" Type="http://schemas.openxmlformats.org/officeDocument/2006/relationships/hyperlink" Target="https://www15.schoolweb.ne.jp/swas/index.php?id=1420004" TargetMode="External"/><Relationship Id="rId4" Type="http://schemas.openxmlformats.org/officeDocument/2006/relationships/hyperlink" Target="https://edu.city.chigasaki.kanagawa.jp/elementary/nishihama/index.html" TargetMode="External"/><Relationship Id="rId9" Type="http://schemas.openxmlformats.org/officeDocument/2006/relationships/hyperlink" Target="https://edu.city.chigasaki.kanagawa.jp/elementary/hamasuka/index.html" TargetMode="External"/><Relationship Id="rId26" Type="http://schemas.openxmlformats.org/officeDocument/2006/relationships/hyperlink" Target="https://edu.city.chigasaki.kanagawa.jp/lower_secondary/tsurugadai/index.html" TargetMode="External"/><Relationship Id="rId47" Type="http://schemas.openxmlformats.org/officeDocument/2006/relationships/hyperlink" Target="http://nansho.ed-minamiashigara.jp/" TargetMode="External"/><Relationship Id="rId68" Type="http://schemas.openxmlformats.org/officeDocument/2006/relationships/hyperlink" Target="https://www.pen-kanagawa.ed.jp/zushihayama-h" TargetMode="External"/><Relationship Id="rId89" Type="http://schemas.openxmlformats.org/officeDocument/2006/relationships/hyperlink" Target="https://www.fureai-cloud.jp/kamakura-sekisyou/" TargetMode="External"/><Relationship Id="rId112" Type="http://schemas.openxmlformats.org/officeDocument/2006/relationships/hyperlink" Target="https://www15.schoolweb.ne.jp/swas/index.php?id=1410003" TargetMode="External"/><Relationship Id="rId133" Type="http://schemas.openxmlformats.org/officeDocument/2006/relationships/hyperlink" Target="https://nakai-nakamura.nakai-kanagawa.ed.jp/"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1414"/>
  <sheetViews>
    <sheetView tabSelected="1" view="pageBreakPreview" zoomScale="55" zoomScaleNormal="100" zoomScaleSheetLayoutView="55" workbookViewId="0">
      <selection activeCell="T17" sqref="T17"/>
    </sheetView>
  </sheetViews>
  <sheetFormatPr defaultColWidth="8.69921875" defaultRowHeight="14.4" x14ac:dyDescent="0.2"/>
  <cols>
    <col min="1" max="1" width="15.3984375" style="9" customWidth="1"/>
    <col min="2" max="2" width="13.8984375" style="36" customWidth="1"/>
    <col min="3" max="5" width="15.59765625" style="9" customWidth="1"/>
    <col min="6" max="6" width="30.5" style="9" customWidth="1"/>
    <col min="7" max="7" width="43.09765625" style="14" customWidth="1"/>
    <col min="8" max="8" width="10.5" style="9" customWidth="1"/>
    <col min="9" max="9" width="42.8984375" style="9" customWidth="1"/>
    <col min="10" max="11" width="20.296875" style="9" customWidth="1"/>
    <col min="12" max="12" width="17.8984375" style="9" customWidth="1"/>
    <col min="13" max="13" width="14.8984375" style="9" customWidth="1"/>
    <col min="14" max="14" width="37.69921875" style="9" customWidth="1"/>
    <col min="15" max="15" width="11.69921875" style="9" customWidth="1"/>
    <col min="16" max="16" width="11.59765625" style="9" customWidth="1"/>
    <col min="17" max="17" width="32.69921875" style="88" customWidth="1"/>
    <col min="18" max="18" width="12" style="9" customWidth="1"/>
    <col min="19" max="20" width="8.69921875" style="9" customWidth="1"/>
    <col min="21" max="16384" width="8.69921875" style="9"/>
  </cols>
  <sheetData>
    <row r="1" spans="1:18" ht="115.5" customHeight="1" x14ac:dyDescent="0.2">
      <c r="A1" s="1" t="s">
        <v>9404</v>
      </c>
      <c r="B1" s="2" t="s">
        <v>17</v>
      </c>
      <c r="C1" s="3" t="s">
        <v>10673</v>
      </c>
      <c r="D1" s="4" t="s">
        <v>9347</v>
      </c>
      <c r="E1" s="4" t="s">
        <v>9346</v>
      </c>
      <c r="F1" s="5" t="s">
        <v>18</v>
      </c>
      <c r="G1" s="5" t="s">
        <v>19</v>
      </c>
      <c r="H1" s="6" t="s">
        <v>0</v>
      </c>
      <c r="I1" s="5" t="s">
        <v>22</v>
      </c>
      <c r="J1" s="5" t="s">
        <v>1</v>
      </c>
      <c r="K1" s="5" t="s">
        <v>2</v>
      </c>
      <c r="L1" s="5" t="s">
        <v>3</v>
      </c>
      <c r="M1" s="6" t="s">
        <v>4</v>
      </c>
      <c r="N1" s="5" t="s">
        <v>21</v>
      </c>
      <c r="O1" s="6" t="s">
        <v>5160</v>
      </c>
      <c r="P1" s="6" t="s">
        <v>5</v>
      </c>
      <c r="Q1" s="7" t="s">
        <v>20</v>
      </c>
      <c r="R1" s="8" t="s">
        <v>9405</v>
      </c>
    </row>
    <row r="2" spans="1:18" s="14" customFormat="1" ht="195.6" customHeight="1" x14ac:dyDescent="0.2">
      <c r="A2" s="1"/>
      <c r="B2" s="10"/>
      <c r="C2" s="11" t="s">
        <v>10644</v>
      </c>
      <c r="D2" s="11" t="s">
        <v>10645</v>
      </c>
      <c r="E2" s="11" t="s">
        <v>10646</v>
      </c>
      <c r="F2" s="11" t="s">
        <v>23</v>
      </c>
      <c r="G2" s="11" t="s">
        <v>24</v>
      </c>
      <c r="H2" s="11" t="s">
        <v>4104</v>
      </c>
      <c r="I2" s="11" t="s">
        <v>4108</v>
      </c>
      <c r="J2" s="11" t="s">
        <v>10647</v>
      </c>
      <c r="K2" s="11" t="s">
        <v>10648</v>
      </c>
      <c r="L2" s="11" t="s">
        <v>4105</v>
      </c>
      <c r="M2" s="11" t="s">
        <v>4106</v>
      </c>
      <c r="N2" s="10" t="s">
        <v>4107</v>
      </c>
      <c r="O2" s="11" t="s">
        <v>5161</v>
      </c>
      <c r="P2" s="11" t="s">
        <v>10649</v>
      </c>
      <c r="Q2" s="12" t="s">
        <v>9348</v>
      </c>
      <c r="R2" s="13"/>
    </row>
    <row r="3" spans="1:18" ht="14.25" customHeight="1" x14ac:dyDescent="0.2">
      <c r="A3" s="15" t="s">
        <v>7801</v>
      </c>
      <c r="B3" s="10" t="s">
        <v>1806</v>
      </c>
      <c r="C3" s="16">
        <v>1</v>
      </c>
      <c r="D3" s="17">
        <v>511</v>
      </c>
      <c r="E3" s="17">
        <v>1503</v>
      </c>
      <c r="F3" s="17" t="s">
        <v>25</v>
      </c>
      <c r="G3" s="17" t="s">
        <v>6291</v>
      </c>
      <c r="H3" s="17" t="s">
        <v>26</v>
      </c>
      <c r="I3" s="17" t="s">
        <v>4109</v>
      </c>
      <c r="J3" s="18"/>
      <c r="K3" s="19"/>
      <c r="L3" s="17" t="s">
        <v>1847</v>
      </c>
      <c r="M3" s="17" t="s">
        <v>3095</v>
      </c>
      <c r="N3" s="20" t="s">
        <v>10383</v>
      </c>
      <c r="O3" s="21">
        <v>1873</v>
      </c>
      <c r="P3" s="19">
        <v>1</v>
      </c>
      <c r="Q3" s="22"/>
      <c r="R3" s="23">
        <v>45065</v>
      </c>
    </row>
    <row r="4" spans="1:18" ht="14.25" customHeight="1" x14ac:dyDescent="0.2">
      <c r="A4" s="15" t="s">
        <v>7802</v>
      </c>
      <c r="B4" s="10" t="s">
        <v>1806</v>
      </c>
      <c r="C4" s="16">
        <v>1</v>
      </c>
      <c r="D4" s="17">
        <v>511</v>
      </c>
      <c r="E4" s="17">
        <v>1503</v>
      </c>
      <c r="F4" s="17" t="s">
        <v>27</v>
      </c>
      <c r="G4" s="17" t="s">
        <v>6292</v>
      </c>
      <c r="H4" s="17" t="s">
        <v>28</v>
      </c>
      <c r="I4" s="17" t="s">
        <v>4110</v>
      </c>
      <c r="J4" s="18"/>
      <c r="K4" s="19"/>
      <c r="L4" s="17" t="s">
        <v>1848</v>
      </c>
      <c r="M4" s="17" t="s">
        <v>3096</v>
      </c>
      <c r="N4" s="24" t="s">
        <v>10650</v>
      </c>
      <c r="O4" s="21">
        <v>1873</v>
      </c>
      <c r="P4" s="19">
        <v>1</v>
      </c>
      <c r="Q4" s="22"/>
      <c r="R4" s="23">
        <v>45065</v>
      </c>
    </row>
    <row r="5" spans="1:18" ht="14.25" customHeight="1" x14ac:dyDescent="0.2">
      <c r="A5" s="15" t="s">
        <v>7803</v>
      </c>
      <c r="B5" s="10" t="s">
        <v>1806</v>
      </c>
      <c r="C5" s="16">
        <v>1</v>
      </c>
      <c r="D5" s="17">
        <v>511</v>
      </c>
      <c r="E5" s="17">
        <v>1503</v>
      </c>
      <c r="F5" s="17" t="s">
        <v>29</v>
      </c>
      <c r="G5" s="17" t="s">
        <v>6293</v>
      </c>
      <c r="H5" s="17" t="s">
        <v>30</v>
      </c>
      <c r="I5" s="17" t="s">
        <v>4111</v>
      </c>
      <c r="J5" s="18"/>
      <c r="K5" s="19"/>
      <c r="L5" s="17" t="s">
        <v>1849</v>
      </c>
      <c r="M5" s="17" t="s">
        <v>3097</v>
      </c>
      <c r="N5" s="16" t="s">
        <v>9406</v>
      </c>
      <c r="O5" s="21">
        <v>1873</v>
      </c>
      <c r="P5" s="19">
        <v>1</v>
      </c>
      <c r="Q5" s="22"/>
      <c r="R5" s="23">
        <v>45065</v>
      </c>
    </row>
    <row r="6" spans="1:18" ht="14.25" customHeight="1" x14ac:dyDescent="0.2">
      <c r="A6" s="15" t="s">
        <v>7804</v>
      </c>
      <c r="B6" s="10" t="s">
        <v>1806</v>
      </c>
      <c r="C6" s="16">
        <v>1</v>
      </c>
      <c r="D6" s="17">
        <v>511</v>
      </c>
      <c r="E6" s="17">
        <v>1503</v>
      </c>
      <c r="F6" s="17" t="s">
        <v>31</v>
      </c>
      <c r="G6" s="17" t="s">
        <v>6294</v>
      </c>
      <c r="H6" s="17" t="s">
        <v>32</v>
      </c>
      <c r="I6" s="17" t="s">
        <v>4112</v>
      </c>
      <c r="J6" s="18"/>
      <c r="K6" s="19"/>
      <c r="L6" s="17" t="s">
        <v>1850</v>
      </c>
      <c r="M6" s="17" t="s">
        <v>3098</v>
      </c>
      <c r="N6" s="16" t="s">
        <v>9407</v>
      </c>
      <c r="O6" s="21">
        <v>1894</v>
      </c>
      <c r="P6" s="19">
        <v>1</v>
      </c>
      <c r="Q6" s="22"/>
      <c r="R6" s="23">
        <v>45065</v>
      </c>
    </row>
    <row r="7" spans="1:18" ht="14.25" customHeight="1" x14ac:dyDescent="0.2">
      <c r="A7" s="15" t="s">
        <v>7805</v>
      </c>
      <c r="B7" s="10" t="s">
        <v>1806</v>
      </c>
      <c r="C7" s="16">
        <v>1</v>
      </c>
      <c r="D7" s="17">
        <v>511</v>
      </c>
      <c r="E7" s="17">
        <v>1503</v>
      </c>
      <c r="F7" s="17" t="s">
        <v>33</v>
      </c>
      <c r="G7" s="17" t="s">
        <v>6295</v>
      </c>
      <c r="H7" s="17" t="s">
        <v>34</v>
      </c>
      <c r="I7" s="17" t="s">
        <v>4113</v>
      </c>
      <c r="J7" s="18"/>
      <c r="K7" s="19"/>
      <c r="L7" s="17" t="s">
        <v>1851</v>
      </c>
      <c r="M7" s="17" t="s">
        <v>3099</v>
      </c>
      <c r="N7" s="16" t="s">
        <v>9408</v>
      </c>
      <c r="O7" s="21">
        <v>1901</v>
      </c>
      <c r="P7" s="19">
        <v>1</v>
      </c>
      <c r="Q7" s="22"/>
      <c r="R7" s="23">
        <v>45065</v>
      </c>
    </row>
    <row r="8" spans="1:18" ht="14.25" customHeight="1" x14ac:dyDescent="0.2">
      <c r="A8" s="15" t="s">
        <v>7806</v>
      </c>
      <c r="B8" s="10" t="s">
        <v>1806</v>
      </c>
      <c r="C8" s="16">
        <v>1</v>
      </c>
      <c r="D8" s="17">
        <v>511</v>
      </c>
      <c r="E8" s="17">
        <v>1503</v>
      </c>
      <c r="F8" s="17" t="s">
        <v>35</v>
      </c>
      <c r="G8" s="17" t="s">
        <v>6296</v>
      </c>
      <c r="H8" s="17" t="s">
        <v>36</v>
      </c>
      <c r="I8" s="17" t="s">
        <v>4114</v>
      </c>
      <c r="J8" s="18"/>
      <c r="K8" s="19"/>
      <c r="L8" s="17" t="s">
        <v>1852</v>
      </c>
      <c r="M8" s="17" t="s">
        <v>3100</v>
      </c>
      <c r="N8" s="16" t="s">
        <v>9409</v>
      </c>
      <c r="O8" s="21">
        <v>1924</v>
      </c>
      <c r="P8" s="19">
        <v>1</v>
      </c>
      <c r="Q8" s="22"/>
      <c r="R8" s="23">
        <v>45065</v>
      </c>
    </row>
    <row r="9" spans="1:18" ht="14.25" customHeight="1" x14ac:dyDescent="0.2">
      <c r="A9" s="15" t="s">
        <v>7807</v>
      </c>
      <c r="B9" s="10" t="s">
        <v>1806</v>
      </c>
      <c r="C9" s="16">
        <v>1</v>
      </c>
      <c r="D9" s="17">
        <v>511</v>
      </c>
      <c r="E9" s="17">
        <v>1503</v>
      </c>
      <c r="F9" s="17" t="s">
        <v>37</v>
      </c>
      <c r="G9" s="17" t="s">
        <v>6297</v>
      </c>
      <c r="H9" s="17" t="s">
        <v>38</v>
      </c>
      <c r="I9" s="17" t="s">
        <v>4115</v>
      </c>
      <c r="J9" s="18"/>
      <c r="K9" s="19"/>
      <c r="L9" s="17" t="s">
        <v>1853</v>
      </c>
      <c r="M9" s="17" t="s">
        <v>3101</v>
      </c>
      <c r="N9" s="20" t="s">
        <v>10384</v>
      </c>
      <c r="O9" s="21">
        <v>1924</v>
      </c>
      <c r="P9" s="19">
        <v>1</v>
      </c>
      <c r="Q9" s="22"/>
      <c r="R9" s="23">
        <v>45065</v>
      </c>
    </row>
    <row r="10" spans="1:18" ht="14.25" customHeight="1" x14ac:dyDescent="0.2">
      <c r="A10" s="15" t="s">
        <v>7808</v>
      </c>
      <c r="B10" s="10" t="s">
        <v>1806</v>
      </c>
      <c r="C10" s="16">
        <v>1</v>
      </c>
      <c r="D10" s="17">
        <v>511</v>
      </c>
      <c r="E10" s="17">
        <v>1503</v>
      </c>
      <c r="F10" s="17" t="s">
        <v>39</v>
      </c>
      <c r="G10" s="17" t="s">
        <v>6298</v>
      </c>
      <c r="H10" s="17" t="s">
        <v>40</v>
      </c>
      <c r="I10" s="17" t="s">
        <v>4116</v>
      </c>
      <c r="J10" s="18"/>
      <c r="K10" s="19"/>
      <c r="L10" s="17" t="s">
        <v>1854</v>
      </c>
      <c r="M10" s="17" t="s">
        <v>3102</v>
      </c>
      <c r="N10" s="16" t="s">
        <v>9410</v>
      </c>
      <c r="O10" s="21">
        <v>1926</v>
      </c>
      <c r="P10" s="19">
        <v>1</v>
      </c>
      <c r="Q10" s="22"/>
      <c r="R10" s="23">
        <v>45065</v>
      </c>
    </row>
    <row r="11" spans="1:18" ht="14.25" customHeight="1" x14ac:dyDescent="0.2">
      <c r="A11" s="15" t="s">
        <v>7809</v>
      </c>
      <c r="B11" s="10" t="s">
        <v>1806</v>
      </c>
      <c r="C11" s="16">
        <v>1</v>
      </c>
      <c r="D11" s="17">
        <v>511</v>
      </c>
      <c r="E11" s="17">
        <v>1503</v>
      </c>
      <c r="F11" s="17" t="s">
        <v>41</v>
      </c>
      <c r="G11" s="17" t="s">
        <v>6299</v>
      </c>
      <c r="H11" s="17" t="s">
        <v>42</v>
      </c>
      <c r="I11" s="17" t="s">
        <v>4117</v>
      </c>
      <c r="J11" s="18"/>
      <c r="K11" s="19"/>
      <c r="L11" s="17" t="s">
        <v>1855</v>
      </c>
      <c r="M11" s="17" t="s">
        <v>3103</v>
      </c>
      <c r="N11" s="16" t="s">
        <v>9411</v>
      </c>
      <c r="O11" s="21">
        <v>1928</v>
      </c>
      <c r="P11" s="19">
        <v>1</v>
      </c>
      <c r="Q11" s="22"/>
      <c r="R11" s="23">
        <v>45065</v>
      </c>
    </row>
    <row r="12" spans="1:18" ht="14.25" customHeight="1" x14ac:dyDescent="0.2">
      <c r="A12" s="15" t="s">
        <v>7810</v>
      </c>
      <c r="B12" s="10" t="s">
        <v>1806</v>
      </c>
      <c r="C12" s="16">
        <v>1</v>
      </c>
      <c r="D12" s="17">
        <v>511</v>
      </c>
      <c r="E12" s="17">
        <v>1503</v>
      </c>
      <c r="F12" s="17" t="s">
        <v>43</v>
      </c>
      <c r="G12" s="17" t="s">
        <v>6300</v>
      </c>
      <c r="H12" s="17" t="s">
        <v>44</v>
      </c>
      <c r="I12" s="17" t="s">
        <v>4118</v>
      </c>
      <c r="J12" s="18"/>
      <c r="K12" s="19"/>
      <c r="L12" s="17" t="s">
        <v>1856</v>
      </c>
      <c r="M12" s="17" t="s">
        <v>3104</v>
      </c>
      <c r="N12" s="16" t="s">
        <v>9412</v>
      </c>
      <c r="O12" s="21">
        <v>1931</v>
      </c>
      <c r="P12" s="19">
        <v>1</v>
      </c>
      <c r="Q12" s="22"/>
      <c r="R12" s="23">
        <v>45065</v>
      </c>
    </row>
    <row r="13" spans="1:18" ht="14.25" customHeight="1" x14ac:dyDescent="0.2">
      <c r="A13" s="15" t="s">
        <v>7811</v>
      </c>
      <c r="B13" s="10" t="s">
        <v>1806</v>
      </c>
      <c r="C13" s="16">
        <v>1</v>
      </c>
      <c r="D13" s="17">
        <v>511</v>
      </c>
      <c r="E13" s="17">
        <v>1503</v>
      </c>
      <c r="F13" s="17" t="s">
        <v>45</v>
      </c>
      <c r="G13" s="17" t="s">
        <v>6301</v>
      </c>
      <c r="H13" s="17" t="s">
        <v>46</v>
      </c>
      <c r="I13" s="17" t="s">
        <v>4119</v>
      </c>
      <c r="J13" s="18"/>
      <c r="K13" s="19"/>
      <c r="L13" s="17" t="s">
        <v>1857</v>
      </c>
      <c r="M13" s="17" t="s">
        <v>3105</v>
      </c>
      <c r="N13" s="16" t="s">
        <v>9413</v>
      </c>
      <c r="O13" s="21">
        <v>1952</v>
      </c>
      <c r="P13" s="19">
        <v>1</v>
      </c>
      <c r="Q13" s="22"/>
      <c r="R13" s="23">
        <v>45065</v>
      </c>
    </row>
    <row r="14" spans="1:18" ht="14.25" customHeight="1" x14ac:dyDescent="0.2">
      <c r="A14" s="15" t="s">
        <v>7812</v>
      </c>
      <c r="B14" s="10" t="s">
        <v>1806</v>
      </c>
      <c r="C14" s="16">
        <v>1</v>
      </c>
      <c r="D14" s="17">
        <v>511</v>
      </c>
      <c r="E14" s="17">
        <v>1503</v>
      </c>
      <c r="F14" s="17" t="s">
        <v>47</v>
      </c>
      <c r="G14" s="17" t="s">
        <v>6302</v>
      </c>
      <c r="H14" s="17" t="s">
        <v>48</v>
      </c>
      <c r="I14" s="17" t="s">
        <v>4120</v>
      </c>
      <c r="J14" s="18"/>
      <c r="K14" s="19"/>
      <c r="L14" s="17" t="s">
        <v>1858</v>
      </c>
      <c r="M14" s="17" t="s">
        <v>3106</v>
      </c>
      <c r="N14" s="16" t="s">
        <v>9414</v>
      </c>
      <c r="O14" s="21">
        <v>1941</v>
      </c>
      <c r="P14" s="19">
        <v>1</v>
      </c>
      <c r="Q14" s="22"/>
      <c r="R14" s="23">
        <v>45065</v>
      </c>
    </row>
    <row r="15" spans="1:18" ht="14.25" customHeight="1" x14ac:dyDescent="0.2">
      <c r="A15" s="15" t="s">
        <v>7813</v>
      </c>
      <c r="B15" s="10" t="s">
        <v>1806</v>
      </c>
      <c r="C15" s="16">
        <v>1</v>
      </c>
      <c r="D15" s="17">
        <v>511</v>
      </c>
      <c r="E15" s="17">
        <v>1503</v>
      </c>
      <c r="F15" s="17" t="s">
        <v>49</v>
      </c>
      <c r="G15" s="17" t="s">
        <v>6303</v>
      </c>
      <c r="H15" s="17" t="s">
        <v>50</v>
      </c>
      <c r="I15" s="17" t="s">
        <v>4121</v>
      </c>
      <c r="J15" s="18"/>
      <c r="K15" s="19"/>
      <c r="L15" s="17" t="s">
        <v>1859</v>
      </c>
      <c r="M15" s="17" t="s">
        <v>3107</v>
      </c>
      <c r="N15" s="16" t="s">
        <v>9415</v>
      </c>
      <c r="O15" s="21">
        <v>1943</v>
      </c>
      <c r="P15" s="19">
        <v>1</v>
      </c>
      <c r="Q15" s="22"/>
      <c r="R15" s="23">
        <v>45065</v>
      </c>
    </row>
    <row r="16" spans="1:18" ht="14.25" customHeight="1" x14ac:dyDescent="0.2">
      <c r="A16" s="15" t="s">
        <v>7814</v>
      </c>
      <c r="B16" s="10" t="s">
        <v>1806</v>
      </c>
      <c r="C16" s="16">
        <v>1</v>
      </c>
      <c r="D16" s="17">
        <v>511</v>
      </c>
      <c r="E16" s="17">
        <v>1503</v>
      </c>
      <c r="F16" s="17" t="s">
        <v>51</v>
      </c>
      <c r="G16" s="17" t="s">
        <v>6304</v>
      </c>
      <c r="H16" s="17" t="s">
        <v>26</v>
      </c>
      <c r="I16" s="17" t="s">
        <v>4122</v>
      </c>
      <c r="J16" s="18"/>
      <c r="K16" s="19"/>
      <c r="L16" s="17" t="s">
        <v>1860</v>
      </c>
      <c r="M16" s="17" t="s">
        <v>3108</v>
      </c>
      <c r="N16" s="16" t="s">
        <v>9416</v>
      </c>
      <c r="O16" s="21">
        <v>1951</v>
      </c>
      <c r="P16" s="19">
        <v>1</v>
      </c>
      <c r="Q16" s="22"/>
      <c r="R16" s="23">
        <v>45065</v>
      </c>
    </row>
    <row r="17" spans="1:18" ht="14.25" customHeight="1" x14ac:dyDescent="0.2">
      <c r="A17" s="15" t="s">
        <v>7815</v>
      </c>
      <c r="B17" s="10" t="s">
        <v>1806</v>
      </c>
      <c r="C17" s="16">
        <v>1</v>
      </c>
      <c r="D17" s="17">
        <v>511</v>
      </c>
      <c r="E17" s="17">
        <v>1503</v>
      </c>
      <c r="F17" s="17" t="s">
        <v>52</v>
      </c>
      <c r="G17" s="17" t="s">
        <v>6305</v>
      </c>
      <c r="H17" s="17" t="s">
        <v>53</v>
      </c>
      <c r="I17" s="17" t="s">
        <v>4123</v>
      </c>
      <c r="J17" s="18"/>
      <c r="K17" s="19"/>
      <c r="L17" s="17" t="s">
        <v>1861</v>
      </c>
      <c r="M17" s="17" t="s">
        <v>3109</v>
      </c>
      <c r="N17" s="16" t="s">
        <v>9417</v>
      </c>
      <c r="O17" s="21">
        <v>1952</v>
      </c>
      <c r="P17" s="19">
        <v>1</v>
      </c>
      <c r="Q17" s="22"/>
      <c r="R17" s="23">
        <v>45065</v>
      </c>
    </row>
    <row r="18" spans="1:18" ht="14.25" customHeight="1" x14ac:dyDescent="0.2">
      <c r="A18" s="15" t="s">
        <v>7816</v>
      </c>
      <c r="B18" s="10" t="s">
        <v>1806</v>
      </c>
      <c r="C18" s="16">
        <v>1</v>
      </c>
      <c r="D18" s="17">
        <v>511</v>
      </c>
      <c r="E18" s="17">
        <v>1503</v>
      </c>
      <c r="F18" s="17" t="s">
        <v>54</v>
      </c>
      <c r="G18" s="17" t="s">
        <v>6306</v>
      </c>
      <c r="H18" s="17" t="s">
        <v>55</v>
      </c>
      <c r="I18" s="17" t="s">
        <v>4124</v>
      </c>
      <c r="J18" s="18"/>
      <c r="K18" s="19"/>
      <c r="L18" s="17" t="s">
        <v>1862</v>
      </c>
      <c r="M18" s="17" t="s">
        <v>3110</v>
      </c>
      <c r="N18" s="16" t="s">
        <v>9418</v>
      </c>
      <c r="O18" s="21">
        <v>1955</v>
      </c>
      <c r="P18" s="19">
        <v>1</v>
      </c>
      <c r="Q18" s="22"/>
      <c r="R18" s="23">
        <v>45065</v>
      </c>
    </row>
    <row r="19" spans="1:18" ht="14.25" customHeight="1" x14ac:dyDescent="0.2">
      <c r="A19" s="15" t="s">
        <v>7817</v>
      </c>
      <c r="B19" s="10" t="s">
        <v>1806</v>
      </c>
      <c r="C19" s="16">
        <v>1</v>
      </c>
      <c r="D19" s="17">
        <v>511</v>
      </c>
      <c r="E19" s="17">
        <v>1503</v>
      </c>
      <c r="F19" s="17" t="s">
        <v>56</v>
      </c>
      <c r="G19" s="17" t="s">
        <v>6307</v>
      </c>
      <c r="H19" s="17" t="s">
        <v>57</v>
      </c>
      <c r="I19" s="17" t="s">
        <v>4125</v>
      </c>
      <c r="J19" s="18"/>
      <c r="K19" s="19"/>
      <c r="L19" s="17" t="s">
        <v>1863</v>
      </c>
      <c r="M19" s="17" t="s">
        <v>3111</v>
      </c>
      <c r="N19" s="16" t="s">
        <v>9419</v>
      </c>
      <c r="O19" s="21">
        <v>1958</v>
      </c>
      <c r="P19" s="19">
        <v>1</v>
      </c>
      <c r="Q19" s="22"/>
      <c r="R19" s="23">
        <v>45065</v>
      </c>
    </row>
    <row r="20" spans="1:18" ht="14.25" customHeight="1" x14ac:dyDescent="0.2">
      <c r="A20" s="15" t="s">
        <v>7818</v>
      </c>
      <c r="B20" s="10" t="s">
        <v>1806</v>
      </c>
      <c r="C20" s="16">
        <v>1</v>
      </c>
      <c r="D20" s="17">
        <v>511</v>
      </c>
      <c r="E20" s="17">
        <v>1503</v>
      </c>
      <c r="F20" s="17" t="s">
        <v>58</v>
      </c>
      <c r="G20" s="17" t="s">
        <v>6308</v>
      </c>
      <c r="H20" s="17" t="s">
        <v>59</v>
      </c>
      <c r="I20" s="17" t="s">
        <v>4126</v>
      </c>
      <c r="J20" s="18"/>
      <c r="K20" s="19"/>
      <c r="L20" s="17" t="s">
        <v>1864</v>
      </c>
      <c r="M20" s="17" t="s">
        <v>3112</v>
      </c>
      <c r="N20" s="16" t="s">
        <v>9420</v>
      </c>
      <c r="O20" s="21">
        <v>1967</v>
      </c>
      <c r="P20" s="19">
        <v>1</v>
      </c>
      <c r="Q20" s="22"/>
      <c r="R20" s="23">
        <v>45065</v>
      </c>
    </row>
    <row r="21" spans="1:18" ht="14.25" customHeight="1" x14ac:dyDescent="0.2">
      <c r="A21" s="15" t="s">
        <v>7819</v>
      </c>
      <c r="B21" s="10" t="s">
        <v>1806</v>
      </c>
      <c r="C21" s="16">
        <v>1</v>
      </c>
      <c r="D21" s="17">
        <v>511</v>
      </c>
      <c r="E21" s="17">
        <v>1503</v>
      </c>
      <c r="F21" s="25" t="s">
        <v>60</v>
      </c>
      <c r="G21" s="26" t="s">
        <v>6309</v>
      </c>
      <c r="H21" s="25" t="s">
        <v>61</v>
      </c>
      <c r="I21" s="25" t="s">
        <v>4127</v>
      </c>
      <c r="J21" s="18"/>
      <c r="K21" s="19"/>
      <c r="L21" s="25" t="s">
        <v>1865</v>
      </c>
      <c r="M21" s="17" t="s">
        <v>3113</v>
      </c>
      <c r="N21" s="16" t="s">
        <v>9421</v>
      </c>
      <c r="O21" s="21">
        <v>1972</v>
      </c>
      <c r="P21" s="19">
        <v>1</v>
      </c>
      <c r="Q21" s="22"/>
      <c r="R21" s="23">
        <v>45065</v>
      </c>
    </row>
    <row r="22" spans="1:18" ht="14.25" customHeight="1" x14ac:dyDescent="0.2">
      <c r="A22" s="15" t="s">
        <v>7820</v>
      </c>
      <c r="B22" s="10" t="s">
        <v>1806</v>
      </c>
      <c r="C22" s="16">
        <v>1</v>
      </c>
      <c r="D22" s="17">
        <v>511</v>
      </c>
      <c r="E22" s="17">
        <v>1503</v>
      </c>
      <c r="F22" s="17" t="s">
        <v>5162</v>
      </c>
      <c r="G22" s="17" t="s">
        <v>6310</v>
      </c>
      <c r="H22" s="17" t="s">
        <v>62</v>
      </c>
      <c r="I22" s="17" t="s">
        <v>10634</v>
      </c>
      <c r="J22" s="18"/>
      <c r="K22" s="19"/>
      <c r="L22" s="17" t="s">
        <v>1866</v>
      </c>
      <c r="M22" s="17" t="s">
        <v>3114</v>
      </c>
      <c r="N22" s="16" t="s">
        <v>9422</v>
      </c>
      <c r="O22" s="21">
        <v>1979</v>
      </c>
      <c r="P22" s="19">
        <v>1</v>
      </c>
      <c r="Q22" s="22"/>
      <c r="R22" s="23">
        <v>45065</v>
      </c>
    </row>
    <row r="23" spans="1:18" ht="14.25" customHeight="1" x14ac:dyDescent="0.2">
      <c r="A23" s="15" t="s">
        <v>7821</v>
      </c>
      <c r="B23" s="10" t="s">
        <v>1806</v>
      </c>
      <c r="C23" s="16">
        <v>1</v>
      </c>
      <c r="D23" s="17">
        <v>511</v>
      </c>
      <c r="E23" s="17">
        <v>1503</v>
      </c>
      <c r="F23" s="17" t="s">
        <v>63</v>
      </c>
      <c r="G23" s="17" t="s">
        <v>6311</v>
      </c>
      <c r="H23" s="17" t="s">
        <v>59</v>
      </c>
      <c r="I23" s="17" t="s">
        <v>4128</v>
      </c>
      <c r="J23" s="18"/>
      <c r="K23" s="19"/>
      <c r="L23" s="17" t="s">
        <v>1867</v>
      </c>
      <c r="M23" s="17" t="s">
        <v>3115</v>
      </c>
      <c r="N23" s="16" t="s">
        <v>9423</v>
      </c>
      <c r="O23" s="21">
        <v>1990</v>
      </c>
      <c r="P23" s="19">
        <v>1</v>
      </c>
      <c r="Q23" s="22"/>
      <c r="R23" s="23">
        <v>45065</v>
      </c>
    </row>
    <row r="24" spans="1:18" ht="14.25" customHeight="1" x14ac:dyDescent="0.2">
      <c r="A24" s="15" t="s">
        <v>7822</v>
      </c>
      <c r="B24" s="10" t="s">
        <v>1806</v>
      </c>
      <c r="C24" s="16">
        <v>1</v>
      </c>
      <c r="D24" s="17">
        <v>511</v>
      </c>
      <c r="E24" s="17">
        <v>1503</v>
      </c>
      <c r="F24" s="17" t="s">
        <v>64</v>
      </c>
      <c r="G24" s="17" t="s">
        <v>6312</v>
      </c>
      <c r="H24" s="17" t="s">
        <v>65</v>
      </c>
      <c r="I24" s="17" t="s">
        <v>10635</v>
      </c>
      <c r="J24" s="18"/>
      <c r="K24" s="19"/>
      <c r="L24" s="17" t="s">
        <v>1868</v>
      </c>
      <c r="M24" s="17" t="s">
        <v>3116</v>
      </c>
      <c r="N24" s="16" t="s">
        <v>9424</v>
      </c>
      <c r="O24" s="21">
        <v>1995</v>
      </c>
      <c r="P24" s="19">
        <v>1</v>
      </c>
      <c r="Q24" s="22"/>
      <c r="R24" s="23">
        <v>45065</v>
      </c>
    </row>
    <row r="25" spans="1:18" ht="14.25" customHeight="1" x14ac:dyDescent="0.2">
      <c r="A25" s="15" t="s">
        <v>7823</v>
      </c>
      <c r="B25" s="10" t="s">
        <v>1806</v>
      </c>
      <c r="C25" s="16">
        <v>1</v>
      </c>
      <c r="D25" s="17">
        <v>511</v>
      </c>
      <c r="E25" s="17">
        <v>1503</v>
      </c>
      <c r="F25" s="17" t="s">
        <v>66</v>
      </c>
      <c r="G25" s="17" t="s">
        <v>6313</v>
      </c>
      <c r="H25" s="17" t="s">
        <v>67</v>
      </c>
      <c r="I25" s="17" t="s">
        <v>4129</v>
      </c>
      <c r="J25" s="18"/>
      <c r="K25" s="19"/>
      <c r="L25" s="17" t="s">
        <v>1869</v>
      </c>
      <c r="M25" s="17" t="s">
        <v>3117</v>
      </c>
      <c r="N25" s="16" t="s">
        <v>9425</v>
      </c>
      <c r="O25" s="21">
        <v>1873</v>
      </c>
      <c r="P25" s="19">
        <v>1</v>
      </c>
      <c r="Q25" s="22"/>
      <c r="R25" s="23">
        <v>45065</v>
      </c>
    </row>
    <row r="26" spans="1:18" ht="14.25" customHeight="1" x14ac:dyDescent="0.2">
      <c r="A26" s="15" t="s">
        <v>7824</v>
      </c>
      <c r="B26" s="10" t="s">
        <v>1806</v>
      </c>
      <c r="C26" s="16">
        <v>1</v>
      </c>
      <c r="D26" s="17">
        <v>511</v>
      </c>
      <c r="E26" s="17">
        <v>1503</v>
      </c>
      <c r="F26" s="17" t="s">
        <v>68</v>
      </c>
      <c r="G26" s="17" t="s">
        <v>6314</v>
      </c>
      <c r="H26" s="17" t="s">
        <v>69</v>
      </c>
      <c r="I26" s="17" t="s">
        <v>4130</v>
      </c>
      <c r="J26" s="18"/>
      <c r="K26" s="19"/>
      <c r="L26" s="17" t="s">
        <v>1870</v>
      </c>
      <c r="M26" s="17" t="s">
        <v>3118</v>
      </c>
      <c r="N26" s="16" t="s">
        <v>9426</v>
      </c>
      <c r="O26" s="21">
        <v>1873</v>
      </c>
      <c r="P26" s="19">
        <v>1</v>
      </c>
      <c r="Q26" s="22"/>
      <c r="R26" s="23">
        <v>45065</v>
      </c>
    </row>
    <row r="27" spans="1:18" ht="14.25" customHeight="1" x14ac:dyDescent="0.2">
      <c r="A27" s="15" t="s">
        <v>7825</v>
      </c>
      <c r="B27" s="10" t="s">
        <v>1806</v>
      </c>
      <c r="C27" s="16">
        <v>1</v>
      </c>
      <c r="D27" s="17">
        <v>511</v>
      </c>
      <c r="E27" s="17">
        <v>1503</v>
      </c>
      <c r="F27" s="17" t="s">
        <v>70</v>
      </c>
      <c r="G27" s="17" t="s">
        <v>6315</v>
      </c>
      <c r="H27" s="17" t="s">
        <v>71</v>
      </c>
      <c r="I27" s="17" t="s">
        <v>4131</v>
      </c>
      <c r="J27" s="18"/>
      <c r="K27" s="19"/>
      <c r="L27" s="17" t="s">
        <v>1871</v>
      </c>
      <c r="M27" s="17" t="s">
        <v>3119</v>
      </c>
      <c r="N27" s="16" t="s">
        <v>9427</v>
      </c>
      <c r="O27" s="21">
        <v>1875</v>
      </c>
      <c r="P27" s="19">
        <v>1</v>
      </c>
      <c r="Q27" s="22"/>
      <c r="R27" s="23">
        <v>45065</v>
      </c>
    </row>
    <row r="28" spans="1:18" ht="14.25" customHeight="1" x14ac:dyDescent="0.2">
      <c r="A28" s="15" t="s">
        <v>7826</v>
      </c>
      <c r="B28" s="10" t="s">
        <v>1806</v>
      </c>
      <c r="C28" s="16">
        <v>1</v>
      </c>
      <c r="D28" s="17">
        <v>511</v>
      </c>
      <c r="E28" s="17">
        <v>1503</v>
      </c>
      <c r="F28" s="17" t="s">
        <v>72</v>
      </c>
      <c r="G28" s="17" t="s">
        <v>6316</v>
      </c>
      <c r="H28" s="17" t="s">
        <v>73</v>
      </c>
      <c r="I28" s="17" t="s">
        <v>4132</v>
      </c>
      <c r="J28" s="18"/>
      <c r="K28" s="19"/>
      <c r="L28" s="17" t="s">
        <v>1872</v>
      </c>
      <c r="M28" s="17" t="s">
        <v>3120</v>
      </c>
      <c r="N28" s="16" t="s">
        <v>9428</v>
      </c>
      <c r="O28" s="21">
        <v>1886</v>
      </c>
      <c r="P28" s="19">
        <v>1</v>
      </c>
      <c r="Q28" s="22"/>
      <c r="R28" s="23">
        <v>45065</v>
      </c>
    </row>
    <row r="29" spans="1:18" ht="14.25" customHeight="1" x14ac:dyDescent="0.2">
      <c r="A29" s="15" t="s">
        <v>7827</v>
      </c>
      <c r="B29" s="10" t="s">
        <v>1806</v>
      </c>
      <c r="C29" s="16">
        <v>1</v>
      </c>
      <c r="D29" s="17">
        <v>511</v>
      </c>
      <c r="E29" s="17">
        <v>1503</v>
      </c>
      <c r="F29" s="17" t="s">
        <v>74</v>
      </c>
      <c r="G29" s="17" t="s">
        <v>6317</v>
      </c>
      <c r="H29" s="17" t="s">
        <v>75</v>
      </c>
      <c r="I29" s="17" t="s">
        <v>4133</v>
      </c>
      <c r="J29" s="18"/>
      <c r="K29" s="19"/>
      <c r="L29" s="17" t="s">
        <v>1873</v>
      </c>
      <c r="M29" s="17" t="s">
        <v>3121</v>
      </c>
      <c r="N29" s="16" t="s">
        <v>9429</v>
      </c>
      <c r="O29" s="21">
        <v>1905</v>
      </c>
      <c r="P29" s="19">
        <v>1</v>
      </c>
      <c r="Q29" s="22"/>
      <c r="R29" s="23">
        <v>45065</v>
      </c>
    </row>
    <row r="30" spans="1:18" ht="14.25" customHeight="1" x14ac:dyDescent="0.2">
      <c r="A30" s="15" t="s">
        <v>7828</v>
      </c>
      <c r="B30" s="10" t="s">
        <v>1806</v>
      </c>
      <c r="C30" s="16">
        <v>1</v>
      </c>
      <c r="D30" s="17">
        <v>511</v>
      </c>
      <c r="E30" s="17">
        <v>1503</v>
      </c>
      <c r="F30" s="17" t="s">
        <v>76</v>
      </c>
      <c r="G30" s="17" t="s">
        <v>6318</v>
      </c>
      <c r="H30" s="17" t="s">
        <v>77</v>
      </c>
      <c r="I30" s="17" t="s">
        <v>4134</v>
      </c>
      <c r="J30" s="18"/>
      <c r="K30" s="19"/>
      <c r="L30" s="17" t="s">
        <v>1874</v>
      </c>
      <c r="M30" s="17" t="s">
        <v>3122</v>
      </c>
      <c r="N30" s="16" t="s">
        <v>9430</v>
      </c>
      <c r="O30" s="21">
        <v>1920</v>
      </c>
      <c r="P30" s="19">
        <v>1</v>
      </c>
      <c r="Q30" s="22"/>
      <c r="R30" s="23">
        <v>45065</v>
      </c>
    </row>
    <row r="31" spans="1:18" ht="14.25" customHeight="1" x14ac:dyDescent="0.2">
      <c r="A31" s="15" t="s">
        <v>7829</v>
      </c>
      <c r="B31" s="10" t="s">
        <v>1806</v>
      </c>
      <c r="C31" s="16">
        <v>1</v>
      </c>
      <c r="D31" s="17">
        <v>511</v>
      </c>
      <c r="E31" s="17">
        <v>1503</v>
      </c>
      <c r="F31" s="17" t="s">
        <v>5163</v>
      </c>
      <c r="G31" s="17" t="s">
        <v>6319</v>
      </c>
      <c r="H31" s="17" t="s">
        <v>79</v>
      </c>
      <c r="I31" s="17" t="s">
        <v>5164</v>
      </c>
      <c r="J31" s="18"/>
      <c r="K31" s="19"/>
      <c r="L31" s="17" t="s">
        <v>1875</v>
      </c>
      <c r="M31" s="17" t="s">
        <v>3123</v>
      </c>
      <c r="N31" s="16" t="s">
        <v>9431</v>
      </c>
      <c r="O31" s="21">
        <v>1929</v>
      </c>
      <c r="P31" s="19">
        <v>1</v>
      </c>
      <c r="Q31" s="22"/>
      <c r="R31" s="23">
        <v>45065</v>
      </c>
    </row>
    <row r="32" spans="1:18" ht="14.25" customHeight="1" x14ac:dyDescent="0.2">
      <c r="A32" s="15" t="s">
        <v>7830</v>
      </c>
      <c r="B32" s="10" t="s">
        <v>1806</v>
      </c>
      <c r="C32" s="16">
        <v>1</v>
      </c>
      <c r="D32" s="17">
        <v>511</v>
      </c>
      <c r="E32" s="17">
        <v>1503</v>
      </c>
      <c r="F32" s="17" t="s">
        <v>80</v>
      </c>
      <c r="G32" s="17" t="s">
        <v>6320</v>
      </c>
      <c r="H32" s="17" t="s">
        <v>81</v>
      </c>
      <c r="I32" s="17" t="s">
        <v>4135</v>
      </c>
      <c r="J32" s="18"/>
      <c r="K32" s="19"/>
      <c r="L32" s="17" t="s">
        <v>1876</v>
      </c>
      <c r="M32" s="17" t="s">
        <v>3124</v>
      </c>
      <c r="N32" s="16" t="s">
        <v>9432</v>
      </c>
      <c r="O32" s="21">
        <v>1933</v>
      </c>
      <c r="P32" s="19">
        <v>1</v>
      </c>
      <c r="Q32" s="22"/>
      <c r="R32" s="23">
        <v>45065</v>
      </c>
    </row>
    <row r="33" spans="1:18" ht="14.25" customHeight="1" x14ac:dyDescent="0.2">
      <c r="A33" s="15" t="s">
        <v>7831</v>
      </c>
      <c r="B33" s="10" t="s">
        <v>1806</v>
      </c>
      <c r="C33" s="16">
        <v>1</v>
      </c>
      <c r="D33" s="17">
        <v>511</v>
      </c>
      <c r="E33" s="17">
        <v>1503</v>
      </c>
      <c r="F33" s="17" t="s">
        <v>82</v>
      </c>
      <c r="G33" s="17" t="s">
        <v>6321</v>
      </c>
      <c r="H33" s="17" t="s">
        <v>83</v>
      </c>
      <c r="I33" s="17" t="s">
        <v>4136</v>
      </c>
      <c r="J33" s="18"/>
      <c r="K33" s="19"/>
      <c r="L33" s="17" t="s">
        <v>1877</v>
      </c>
      <c r="M33" s="17" t="s">
        <v>3125</v>
      </c>
      <c r="N33" s="16" t="s">
        <v>9433</v>
      </c>
      <c r="O33" s="21">
        <v>1936</v>
      </c>
      <c r="P33" s="19">
        <v>1</v>
      </c>
      <c r="Q33" s="22"/>
      <c r="R33" s="23">
        <v>45065</v>
      </c>
    </row>
    <row r="34" spans="1:18" ht="14.25" customHeight="1" x14ac:dyDescent="0.2">
      <c r="A34" s="15" t="s">
        <v>7832</v>
      </c>
      <c r="B34" s="10" t="s">
        <v>1806</v>
      </c>
      <c r="C34" s="16">
        <v>1</v>
      </c>
      <c r="D34" s="17">
        <v>511</v>
      </c>
      <c r="E34" s="17">
        <v>1503</v>
      </c>
      <c r="F34" s="17" t="s">
        <v>84</v>
      </c>
      <c r="G34" s="17" t="s">
        <v>6322</v>
      </c>
      <c r="H34" s="17" t="s">
        <v>85</v>
      </c>
      <c r="I34" s="17" t="s">
        <v>4137</v>
      </c>
      <c r="J34" s="18"/>
      <c r="K34" s="19"/>
      <c r="L34" s="17" t="s">
        <v>1878</v>
      </c>
      <c r="M34" s="17" t="s">
        <v>3126</v>
      </c>
      <c r="N34" s="16" t="s">
        <v>9434</v>
      </c>
      <c r="O34" s="21">
        <v>1958</v>
      </c>
      <c r="P34" s="19">
        <v>1</v>
      </c>
      <c r="Q34" s="22"/>
      <c r="R34" s="23">
        <v>45065</v>
      </c>
    </row>
    <row r="35" spans="1:18" ht="14.25" customHeight="1" x14ac:dyDescent="0.2">
      <c r="A35" s="15" t="s">
        <v>7833</v>
      </c>
      <c r="B35" s="10" t="s">
        <v>1806</v>
      </c>
      <c r="C35" s="16">
        <v>1</v>
      </c>
      <c r="D35" s="17">
        <v>511</v>
      </c>
      <c r="E35" s="17">
        <v>1503</v>
      </c>
      <c r="F35" s="17" t="s">
        <v>86</v>
      </c>
      <c r="G35" s="17" t="s">
        <v>6323</v>
      </c>
      <c r="H35" s="17" t="s">
        <v>87</v>
      </c>
      <c r="I35" s="17" t="s">
        <v>4138</v>
      </c>
      <c r="J35" s="18"/>
      <c r="K35" s="19"/>
      <c r="L35" s="17" t="s">
        <v>1879</v>
      </c>
      <c r="M35" s="17" t="s">
        <v>3127</v>
      </c>
      <c r="N35" s="16" t="s">
        <v>9435</v>
      </c>
      <c r="O35" s="21">
        <v>1950</v>
      </c>
      <c r="P35" s="19">
        <v>1</v>
      </c>
      <c r="Q35" s="22"/>
      <c r="R35" s="23">
        <v>45065</v>
      </c>
    </row>
    <row r="36" spans="1:18" ht="14.25" customHeight="1" x14ac:dyDescent="0.2">
      <c r="A36" s="15" t="s">
        <v>7834</v>
      </c>
      <c r="B36" s="10" t="s">
        <v>1806</v>
      </c>
      <c r="C36" s="16">
        <v>1</v>
      </c>
      <c r="D36" s="17">
        <v>511</v>
      </c>
      <c r="E36" s="17">
        <v>1503</v>
      </c>
      <c r="F36" s="17" t="s">
        <v>88</v>
      </c>
      <c r="G36" s="17" t="s">
        <v>6324</v>
      </c>
      <c r="H36" s="17" t="s">
        <v>89</v>
      </c>
      <c r="I36" s="17" t="s">
        <v>4139</v>
      </c>
      <c r="J36" s="18"/>
      <c r="K36" s="19"/>
      <c r="L36" s="17" t="s">
        <v>1880</v>
      </c>
      <c r="M36" s="17" t="s">
        <v>3128</v>
      </c>
      <c r="N36" s="16" t="s">
        <v>9436</v>
      </c>
      <c r="O36" s="21">
        <v>1955</v>
      </c>
      <c r="P36" s="19">
        <v>1</v>
      </c>
      <c r="Q36" s="22"/>
      <c r="R36" s="23">
        <v>45065</v>
      </c>
    </row>
    <row r="37" spans="1:18" ht="14.25" customHeight="1" x14ac:dyDescent="0.2">
      <c r="A37" s="15" t="s">
        <v>7835</v>
      </c>
      <c r="B37" s="10" t="s">
        <v>1806</v>
      </c>
      <c r="C37" s="16">
        <v>1</v>
      </c>
      <c r="D37" s="17">
        <v>511</v>
      </c>
      <c r="E37" s="17">
        <v>1503</v>
      </c>
      <c r="F37" s="17" t="s">
        <v>90</v>
      </c>
      <c r="G37" s="17" t="s">
        <v>6325</v>
      </c>
      <c r="H37" s="17" t="s">
        <v>91</v>
      </c>
      <c r="I37" s="17" t="s">
        <v>4140</v>
      </c>
      <c r="J37" s="18"/>
      <c r="K37" s="19"/>
      <c r="L37" s="17" t="s">
        <v>1881</v>
      </c>
      <c r="M37" s="17" t="s">
        <v>3129</v>
      </c>
      <c r="N37" s="16" t="s">
        <v>9437</v>
      </c>
      <c r="O37" s="21">
        <v>1961</v>
      </c>
      <c r="P37" s="19">
        <v>1</v>
      </c>
      <c r="Q37" s="22"/>
      <c r="R37" s="23">
        <v>45065</v>
      </c>
    </row>
    <row r="38" spans="1:18" ht="14.25" customHeight="1" x14ac:dyDescent="0.2">
      <c r="A38" s="15" t="s">
        <v>7836</v>
      </c>
      <c r="B38" s="10" t="s">
        <v>1806</v>
      </c>
      <c r="C38" s="16">
        <v>1</v>
      </c>
      <c r="D38" s="17">
        <v>511</v>
      </c>
      <c r="E38" s="17">
        <v>1503</v>
      </c>
      <c r="F38" s="17" t="s">
        <v>92</v>
      </c>
      <c r="G38" s="17" t="s">
        <v>6326</v>
      </c>
      <c r="H38" s="17" t="s">
        <v>87</v>
      </c>
      <c r="I38" s="17" t="s">
        <v>4141</v>
      </c>
      <c r="J38" s="18"/>
      <c r="K38" s="19"/>
      <c r="L38" s="17" t="s">
        <v>1882</v>
      </c>
      <c r="M38" s="17" t="s">
        <v>3130</v>
      </c>
      <c r="N38" s="16" t="s">
        <v>9438</v>
      </c>
      <c r="O38" s="21">
        <v>1966</v>
      </c>
      <c r="P38" s="19">
        <v>1</v>
      </c>
      <c r="Q38" s="22"/>
      <c r="R38" s="23">
        <v>45065</v>
      </c>
    </row>
    <row r="39" spans="1:18" ht="14.25" customHeight="1" x14ac:dyDescent="0.2">
      <c r="A39" s="15" t="s">
        <v>7837</v>
      </c>
      <c r="B39" s="10" t="s">
        <v>1806</v>
      </c>
      <c r="C39" s="16">
        <v>1</v>
      </c>
      <c r="D39" s="17">
        <v>511</v>
      </c>
      <c r="E39" s="17">
        <v>1503</v>
      </c>
      <c r="F39" s="17" t="s">
        <v>93</v>
      </c>
      <c r="G39" s="17" t="s">
        <v>6327</v>
      </c>
      <c r="H39" s="17" t="s">
        <v>91</v>
      </c>
      <c r="I39" s="17" t="s">
        <v>4142</v>
      </c>
      <c r="J39" s="18"/>
      <c r="K39" s="19"/>
      <c r="L39" s="17" t="s">
        <v>1883</v>
      </c>
      <c r="M39" s="17" t="s">
        <v>3131</v>
      </c>
      <c r="N39" s="16" t="s">
        <v>9439</v>
      </c>
      <c r="O39" s="21">
        <v>1971</v>
      </c>
      <c r="P39" s="19">
        <v>1</v>
      </c>
      <c r="Q39" s="22"/>
      <c r="R39" s="23">
        <v>45065</v>
      </c>
    </row>
    <row r="40" spans="1:18" ht="14.25" customHeight="1" x14ac:dyDescent="0.2">
      <c r="A40" s="15" t="s">
        <v>7838</v>
      </c>
      <c r="B40" s="10" t="s">
        <v>1806</v>
      </c>
      <c r="C40" s="16">
        <v>1</v>
      </c>
      <c r="D40" s="17">
        <v>511</v>
      </c>
      <c r="E40" s="17">
        <v>1503</v>
      </c>
      <c r="F40" s="17" t="s">
        <v>94</v>
      </c>
      <c r="G40" s="17" t="s">
        <v>6328</v>
      </c>
      <c r="H40" s="17" t="s">
        <v>95</v>
      </c>
      <c r="I40" s="17" t="s">
        <v>4143</v>
      </c>
      <c r="J40" s="18"/>
      <c r="K40" s="19"/>
      <c r="L40" s="17" t="s">
        <v>1884</v>
      </c>
      <c r="M40" s="17" t="s">
        <v>3132</v>
      </c>
      <c r="N40" s="16" t="s">
        <v>9440</v>
      </c>
      <c r="O40" s="21">
        <v>1971</v>
      </c>
      <c r="P40" s="19">
        <v>1</v>
      </c>
      <c r="Q40" s="22"/>
      <c r="R40" s="23">
        <v>45065</v>
      </c>
    </row>
    <row r="41" spans="1:18" ht="14.25" customHeight="1" x14ac:dyDescent="0.2">
      <c r="A41" s="15" t="s">
        <v>7839</v>
      </c>
      <c r="B41" s="10" t="s">
        <v>1806</v>
      </c>
      <c r="C41" s="16">
        <v>1</v>
      </c>
      <c r="D41" s="17">
        <v>511</v>
      </c>
      <c r="E41" s="17">
        <v>1503</v>
      </c>
      <c r="F41" s="17" t="s">
        <v>96</v>
      </c>
      <c r="G41" s="17" t="s">
        <v>6329</v>
      </c>
      <c r="H41" s="17" t="s">
        <v>91</v>
      </c>
      <c r="I41" s="17" t="s">
        <v>4144</v>
      </c>
      <c r="J41" s="18"/>
      <c r="K41" s="19"/>
      <c r="L41" s="17" t="s">
        <v>1885</v>
      </c>
      <c r="M41" s="17" t="s">
        <v>3133</v>
      </c>
      <c r="N41" s="16" t="s">
        <v>9445</v>
      </c>
      <c r="O41" s="21">
        <v>1974</v>
      </c>
      <c r="P41" s="19">
        <v>1</v>
      </c>
      <c r="Q41" s="22"/>
      <c r="R41" s="23">
        <v>45065</v>
      </c>
    </row>
    <row r="42" spans="1:18" ht="14.25" customHeight="1" x14ac:dyDescent="0.2">
      <c r="A42" s="15" t="s">
        <v>7840</v>
      </c>
      <c r="B42" s="10" t="s">
        <v>1806</v>
      </c>
      <c r="C42" s="16">
        <v>1</v>
      </c>
      <c r="D42" s="17">
        <v>511</v>
      </c>
      <c r="E42" s="17">
        <v>1503</v>
      </c>
      <c r="F42" s="17" t="s">
        <v>97</v>
      </c>
      <c r="G42" s="17" t="s">
        <v>6330</v>
      </c>
      <c r="H42" s="17" t="s">
        <v>98</v>
      </c>
      <c r="I42" s="17" t="s">
        <v>4145</v>
      </c>
      <c r="J42" s="18"/>
      <c r="K42" s="19"/>
      <c r="L42" s="17" t="s">
        <v>1886</v>
      </c>
      <c r="M42" s="17" t="s">
        <v>3134</v>
      </c>
      <c r="N42" s="16" t="s">
        <v>9446</v>
      </c>
      <c r="O42" s="21">
        <v>1879</v>
      </c>
      <c r="P42" s="19">
        <v>1</v>
      </c>
      <c r="Q42" s="22"/>
      <c r="R42" s="23">
        <v>45065</v>
      </c>
    </row>
    <row r="43" spans="1:18" ht="14.25" customHeight="1" x14ac:dyDescent="0.2">
      <c r="A43" s="15" t="s">
        <v>7841</v>
      </c>
      <c r="B43" s="10" t="s">
        <v>1806</v>
      </c>
      <c r="C43" s="16">
        <v>1</v>
      </c>
      <c r="D43" s="17">
        <v>511</v>
      </c>
      <c r="E43" s="17">
        <v>1503</v>
      </c>
      <c r="F43" s="17" t="s">
        <v>99</v>
      </c>
      <c r="G43" s="17" t="s">
        <v>6331</v>
      </c>
      <c r="H43" s="17" t="s">
        <v>100</v>
      </c>
      <c r="I43" s="17" t="s">
        <v>5165</v>
      </c>
      <c r="J43" s="18"/>
      <c r="K43" s="19"/>
      <c r="L43" s="17" t="s">
        <v>1887</v>
      </c>
      <c r="M43" s="17" t="s">
        <v>3135</v>
      </c>
      <c r="N43" s="16" t="s">
        <v>9447</v>
      </c>
      <c r="O43" s="21">
        <v>1905</v>
      </c>
      <c r="P43" s="19">
        <v>1</v>
      </c>
      <c r="Q43" s="22"/>
      <c r="R43" s="23">
        <v>45065</v>
      </c>
    </row>
    <row r="44" spans="1:18" ht="14.25" customHeight="1" x14ac:dyDescent="0.2">
      <c r="A44" s="15" t="s">
        <v>7842</v>
      </c>
      <c r="B44" s="10" t="s">
        <v>1806</v>
      </c>
      <c r="C44" s="16">
        <v>1</v>
      </c>
      <c r="D44" s="17">
        <v>511</v>
      </c>
      <c r="E44" s="17">
        <v>1503</v>
      </c>
      <c r="F44" s="17" t="s">
        <v>101</v>
      </c>
      <c r="G44" s="17" t="s">
        <v>6332</v>
      </c>
      <c r="H44" s="17" t="s">
        <v>102</v>
      </c>
      <c r="I44" s="17" t="s">
        <v>4146</v>
      </c>
      <c r="J44" s="18"/>
      <c r="K44" s="19"/>
      <c r="L44" s="17" t="s">
        <v>1888</v>
      </c>
      <c r="M44" s="17" t="s">
        <v>3136</v>
      </c>
      <c r="N44" s="16" t="s">
        <v>9448</v>
      </c>
      <c r="O44" s="21">
        <v>1906</v>
      </c>
      <c r="P44" s="19">
        <v>1</v>
      </c>
      <c r="Q44" s="22"/>
      <c r="R44" s="23">
        <v>45065</v>
      </c>
    </row>
    <row r="45" spans="1:18" ht="14.25" customHeight="1" x14ac:dyDescent="0.2">
      <c r="A45" s="15" t="s">
        <v>7843</v>
      </c>
      <c r="B45" s="10" t="s">
        <v>1806</v>
      </c>
      <c r="C45" s="16">
        <v>1</v>
      </c>
      <c r="D45" s="17">
        <v>511</v>
      </c>
      <c r="E45" s="17">
        <v>1503</v>
      </c>
      <c r="F45" s="17" t="s">
        <v>103</v>
      </c>
      <c r="G45" s="17" t="s">
        <v>6333</v>
      </c>
      <c r="H45" s="17" t="s">
        <v>104</v>
      </c>
      <c r="I45" s="17" t="s">
        <v>5166</v>
      </c>
      <c r="J45" s="18"/>
      <c r="K45" s="19"/>
      <c r="L45" s="17" t="s">
        <v>1889</v>
      </c>
      <c r="M45" s="17" t="s">
        <v>3137</v>
      </c>
      <c r="N45" s="16" t="s">
        <v>9449</v>
      </c>
      <c r="O45" s="21">
        <v>1908</v>
      </c>
      <c r="P45" s="19">
        <v>1</v>
      </c>
      <c r="Q45" s="22"/>
      <c r="R45" s="23">
        <v>45065</v>
      </c>
    </row>
    <row r="46" spans="1:18" ht="14.25" customHeight="1" x14ac:dyDescent="0.2">
      <c r="A46" s="15" t="s">
        <v>7844</v>
      </c>
      <c r="B46" s="10" t="s">
        <v>1806</v>
      </c>
      <c r="C46" s="16">
        <v>1</v>
      </c>
      <c r="D46" s="17">
        <v>511</v>
      </c>
      <c r="E46" s="17">
        <v>1503</v>
      </c>
      <c r="F46" s="17" t="s">
        <v>105</v>
      </c>
      <c r="G46" s="17" t="s">
        <v>6334</v>
      </c>
      <c r="H46" s="17" t="s">
        <v>106</v>
      </c>
      <c r="I46" s="17" t="s">
        <v>4147</v>
      </c>
      <c r="J46" s="18"/>
      <c r="K46" s="19"/>
      <c r="L46" s="17" t="s">
        <v>1890</v>
      </c>
      <c r="M46" s="17" t="s">
        <v>3138</v>
      </c>
      <c r="N46" s="16" t="s">
        <v>9450</v>
      </c>
      <c r="O46" s="21">
        <v>1911</v>
      </c>
      <c r="P46" s="19">
        <v>1</v>
      </c>
      <c r="Q46" s="22"/>
      <c r="R46" s="23">
        <v>45065</v>
      </c>
    </row>
    <row r="47" spans="1:18" ht="14.25" customHeight="1" x14ac:dyDescent="0.2">
      <c r="A47" s="15" t="s">
        <v>7845</v>
      </c>
      <c r="B47" s="10" t="s">
        <v>1806</v>
      </c>
      <c r="C47" s="16">
        <v>1</v>
      </c>
      <c r="D47" s="17">
        <v>511</v>
      </c>
      <c r="E47" s="17">
        <v>1503</v>
      </c>
      <c r="F47" s="17" t="s">
        <v>107</v>
      </c>
      <c r="G47" s="17" t="s">
        <v>6335</v>
      </c>
      <c r="H47" s="17" t="s">
        <v>108</v>
      </c>
      <c r="I47" s="17" t="s">
        <v>4148</v>
      </c>
      <c r="J47" s="18"/>
      <c r="K47" s="19"/>
      <c r="L47" s="17" t="s">
        <v>1891</v>
      </c>
      <c r="M47" s="17" t="s">
        <v>3139</v>
      </c>
      <c r="N47" s="16" t="s">
        <v>9451</v>
      </c>
      <c r="O47" s="21">
        <v>1911</v>
      </c>
      <c r="P47" s="19">
        <v>1</v>
      </c>
      <c r="Q47" s="22"/>
      <c r="R47" s="23">
        <v>45065</v>
      </c>
    </row>
    <row r="48" spans="1:18" ht="14.25" customHeight="1" x14ac:dyDescent="0.2">
      <c r="A48" s="15" t="s">
        <v>7846</v>
      </c>
      <c r="B48" s="10" t="s">
        <v>1806</v>
      </c>
      <c r="C48" s="16">
        <v>1</v>
      </c>
      <c r="D48" s="17">
        <v>511</v>
      </c>
      <c r="E48" s="17">
        <v>1503</v>
      </c>
      <c r="F48" s="17" t="s">
        <v>109</v>
      </c>
      <c r="G48" s="17" t="s">
        <v>6336</v>
      </c>
      <c r="H48" s="17" t="s">
        <v>110</v>
      </c>
      <c r="I48" s="17" t="s">
        <v>4149</v>
      </c>
      <c r="J48" s="18"/>
      <c r="K48" s="19"/>
      <c r="L48" s="17" t="s">
        <v>1892</v>
      </c>
      <c r="M48" s="17" t="s">
        <v>3140</v>
      </c>
      <c r="N48" s="16" t="s">
        <v>9452</v>
      </c>
      <c r="O48" s="21">
        <v>1921</v>
      </c>
      <c r="P48" s="19">
        <v>1</v>
      </c>
      <c r="Q48" s="22"/>
      <c r="R48" s="23">
        <v>45065</v>
      </c>
    </row>
    <row r="49" spans="1:18" ht="14.25" customHeight="1" x14ac:dyDescent="0.2">
      <c r="A49" s="15" t="s">
        <v>7847</v>
      </c>
      <c r="B49" s="10" t="s">
        <v>1806</v>
      </c>
      <c r="C49" s="16">
        <v>1</v>
      </c>
      <c r="D49" s="17">
        <v>511</v>
      </c>
      <c r="E49" s="17">
        <v>1503</v>
      </c>
      <c r="F49" s="17" t="s">
        <v>111</v>
      </c>
      <c r="G49" s="17" t="s">
        <v>6337</v>
      </c>
      <c r="H49" s="17" t="s">
        <v>112</v>
      </c>
      <c r="I49" s="17" t="s">
        <v>4150</v>
      </c>
      <c r="J49" s="18"/>
      <c r="K49" s="19"/>
      <c r="L49" s="17" t="s">
        <v>1893</v>
      </c>
      <c r="M49" s="17" t="s">
        <v>3141</v>
      </c>
      <c r="N49" s="16" t="s">
        <v>9453</v>
      </c>
      <c r="O49" s="21">
        <v>1956</v>
      </c>
      <c r="P49" s="19">
        <v>1</v>
      </c>
      <c r="Q49" s="22"/>
      <c r="R49" s="23">
        <v>45065</v>
      </c>
    </row>
    <row r="50" spans="1:18" ht="14.25" customHeight="1" x14ac:dyDescent="0.2">
      <c r="A50" s="15" t="s">
        <v>7848</v>
      </c>
      <c r="B50" s="10" t="s">
        <v>1806</v>
      </c>
      <c r="C50" s="16">
        <v>1</v>
      </c>
      <c r="D50" s="17">
        <v>511</v>
      </c>
      <c r="E50" s="17">
        <v>1503</v>
      </c>
      <c r="F50" s="17" t="s">
        <v>113</v>
      </c>
      <c r="G50" s="17" t="s">
        <v>6338</v>
      </c>
      <c r="H50" s="17" t="s">
        <v>114</v>
      </c>
      <c r="I50" s="17" t="s">
        <v>4151</v>
      </c>
      <c r="J50" s="18"/>
      <c r="K50" s="19"/>
      <c r="L50" s="17" t="s">
        <v>9454</v>
      </c>
      <c r="M50" s="17" t="s">
        <v>9455</v>
      </c>
      <c r="N50" s="16" t="s">
        <v>9456</v>
      </c>
      <c r="O50" s="21">
        <v>2018</v>
      </c>
      <c r="P50" s="19">
        <v>1</v>
      </c>
      <c r="Q50" s="22"/>
      <c r="R50" s="23">
        <v>45065</v>
      </c>
    </row>
    <row r="51" spans="1:18" ht="14.25" customHeight="1" x14ac:dyDescent="0.2">
      <c r="A51" s="15" t="s">
        <v>7849</v>
      </c>
      <c r="B51" s="10" t="s">
        <v>1806</v>
      </c>
      <c r="C51" s="16">
        <v>1</v>
      </c>
      <c r="D51" s="17">
        <v>511</v>
      </c>
      <c r="E51" s="17">
        <v>1503</v>
      </c>
      <c r="F51" s="17" t="s">
        <v>115</v>
      </c>
      <c r="G51" s="17" t="s">
        <v>6339</v>
      </c>
      <c r="H51" s="17" t="s">
        <v>116</v>
      </c>
      <c r="I51" s="17" t="s">
        <v>4152</v>
      </c>
      <c r="J51" s="18"/>
      <c r="K51" s="19"/>
      <c r="L51" s="17" t="s">
        <v>1894</v>
      </c>
      <c r="M51" s="17" t="s">
        <v>3142</v>
      </c>
      <c r="N51" s="16" t="s">
        <v>9457</v>
      </c>
      <c r="O51" s="21">
        <v>1873</v>
      </c>
      <c r="P51" s="19">
        <v>1</v>
      </c>
      <c r="Q51" s="22"/>
      <c r="R51" s="23">
        <v>45065</v>
      </c>
    </row>
    <row r="52" spans="1:18" ht="14.25" customHeight="1" x14ac:dyDescent="0.2">
      <c r="A52" s="15" t="s">
        <v>7850</v>
      </c>
      <c r="B52" s="10" t="s">
        <v>1806</v>
      </c>
      <c r="C52" s="16">
        <v>1</v>
      </c>
      <c r="D52" s="17">
        <v>511</v>
      </c>
      <c r="E52" s="17">
        <v>1503</v>
      </c>
      <c r="F52" s="17" t="s">
        <v>117</v>
      </c>
      <c r="G52" s="17" t="s">
        <v>6340</v>
      </c>
      <c r="H52" s="17" t="s">
        <v>118</v>
      </c>
      <c r="I52" s="17" t="s">
        <v>4153</v>
      </c>
      <c r="J52" s="18"/>
      <c r="K52" s="19"/>
      <c r="L52" s="17" t="s">
        <v>1895</v>
      </c>
      <c r="M52" s="17" t="s">
        <v>3143</v>
      </c>
      <c r="N52" s="16" t="s">
        <v>9458</v>
      </c>
      <c r="O52" s="21">
        <v>1873</v>
      </c>
      <c r="P52" s="19">
        <v>1</v>
      </c>
      <c r="Q52" s="22"/>
      <c r="R52" s="23">
        <v>45065</v>
      </c>
    </row>
    <row r="53" spans="1:18" ht="14.25" customHeight="1" x14ac:dyDescent="0.2">
      <c r="A53" s="15" t="s">
        <v>7851</v>
      </c>
      <c r="B53" s="10" t="s">
        <v>1806</v>
      </c>
      <c r="C53" s="16">
        <v>1</v>
      </c>
      <c r="D53" s="17">
        <v>511</v>
      </c>
      <c r="E53" s="17">
        <v>1503</v>
      </c>
      <c r="F53" s="17" t="s">
        <v>119</v>
      </c>
      <c r="G53" s="17" t="s">
        <v>6341</v>
      </c>
      <c r="H53" s="17" t="s">
        <v>120</v>
      </c>
      <c r="I53" s="17" t="s">
        <v>4154</v>
      </c>
      <c r="J53" s="18"/>
      <c r="K53" s="19"/>
      <c r="L53" s="17" t="s">
        <v>1896</v>
      </c>
      <c r="M53" s="17" t="s">
        <v>3144</v>
      </c>
      <c r="N53" s="16" t="s">
        <v>9459</v>
      </c>
      <c r="O53" s="21">
        <v>1905</v>
      </c>
      <c r="P53" s="19">
        <v>1</v>
      </c>
      <c r="Q53" s="22"/>
      <c r="R53" s="23">
        <v>45065</v>
      </c>
    </row>
    <row r="54" spans="1:18" ht="14.25" customHeight="1" x14ac:dyDescent="0.2">
      <c r="A54" s="15" t="s">
        <v>7852</v>
      </c>
      <c r="B54" s="10" t="s">
        <v>1806</v>
      </c>
      <c r="C54" s="16">
        <v>1</v>
      </c>
      <c r="D54" s="17">
        <v>511</v>
      </c>
      <c r="E54" s="17">
        <v>1503</v>
      </c>
      <c r="F54" s="17" t="s">
        <v>121</v>
      </c>
      <c r="G54" s="17" t="s">
        <v>6342</v>
      </c>
      <c r="H54" s="17" t="s">
        <v>122</v>
      </c>
      <c r="I54" s="17" t="s">
        <v>4155</v>
      </c>
      <c r="J54" s="18"/>
      <c r="K54" s="19"/>
      <c r="L54" s="17" t="s">
        <v>1897</v>
      </c>
      <c r="M54" s="17" t="s">
        <v>3145</v>
      </c>
      <c r="N54" s="16" t="s">
        <v>9460</v>
      </c>
      <c r="O54" s="21">
        <v>1911</v>
      </c>
      <c r="P54" s="19">
        <v>1</v>
      </c>
      <c r="Q54" s="22"/>
      <c r="R54" s="23">
        <v>45065</v>
      </c>
    </row>
    <row r="55" spans="1:18" ht="14.25" customHeight="1" x14ac:dyDescent="0.2">
      <c r="A55" s="15" t="s">
        <v>7853</v>
      </c>
      <c r="B55" s="10" t="s">
        <v>1806</v>
      </c>
      <c r="C55" s="16">
        <v>1</v>
      </c>
      <c r="D55" s="17">
        <v>511</v>
      </c>
      <c r="E55" s="17">
        <v>1503</v>
      </c>
      <c r="F55" s="17" t="s">
        <v>123</v>
      </c>
      <c r="G55" s="17" t="s">
        <v>6343</v>
      </c>
      <c r="H55" s="17" t="s">
        <v>124</v>
      </c>
      <c r="I55" s="17" t="s">
        <v>4156</v>
      </c>
      <c r="J55" s="18"/>
      <c r="K55" s="19"/>
      <c r="L55" s="17" t="s">
        <v>1898</v>
      </c>
      <c r="M55" s="17" t="s">
        <v>3146</v>
      </c>
      <c r="N55" s="16" t="s">
        <v>9461</v>
      </c>
      <c r="O55" s="21">
        <v>1921</v>
      </c>
      <c r="P55" s="19">
        <v>1</v>
      </c>
      <c r="Q55" s="22"/>
      <c r="R55" s="23">
        <v>45065</v>
      </c>
    </row>
    <row r="56" spans="1:18" ht="14.25" customHeight="1" x14ac:dyDescent="0.2">
      <c r="A56" s="15" t="s">
        <v>7854</v>
      </c>
      <c r="B56" s="10" t="s">
        <v>1806</v>
      </c>
      <c r="C56" s="16">
        <v>1</v>
      </c>
      <c r="D56" s="17">
        <v>511</v>
      </c>
      <c r="E56" s="17">
        <v>1503</v>
      </c>
      <c r="F56" s="17" t="s">
        <v>125</v>
      </c>
      <c r="G56" s="17" t="s">
        <v>6344</v>
      </c>
      <c r="H56" s="17" t="s">
        <v>126</v>
      </c>
      <c r="I56" s="17" t="s">
        <v>4157</v>
      </c>
      <c r="J56" s="18"/>
      <c r="K56" s="19"/>
      <c r="L56" s="17" t="s">
        <v>1899</v>
      </c>
      <c r="M56" s="17" t="s">
        <v>3147</v>
      </c>
      <c r="N56" s="16" t="s">
        <v>9462</v>
      </c>
      <c r="O56" s="21">
        <v>1921</v>
      </c>
      <c r="P56" s="19">
        <v>1</v>
      </c>
      <c r="Q56" s="22"/>
      <c r="R56" s="23">
        <v>45065</v>
      </c>
    </row>
    <row r="57" spans="1:18" ht="14.25" customHeight="1" x14ac:dyDescent="0.2">
      <c r="A57" s="15" t="s">
        <v>7855</v>
      </c>
      <c r="B57" s="10" t="s">
        <v>1806</v>
      </c>
      <c r="C57" s="16">
        <v>1</v>
      </c>
      <c r="D57" s="17">
        <v>511</v>
      </c>
      <c r="E57" s="17">
        <v>1503</v>
      </c>
      <c r="F57" s="17" t="s">
        <v>127</v>
      </c>
      <c r="G57" s="17" t="s">
        <v>6345</v>
      </c>
      <c r="H57" s="17" t="s">
        <v>128</v>
      </c>
      <c r="I57" s="17" t="s">
        <v>4158</v>
      </c>
      <c r="J57" s="18"/>
      <c r="K57" s="19"/>
      <c r="L57" s="17" t="s">
        <v>1900</v>
      </c>
      <c r="M57" s="17" t="s">
        <v>3148</v>
      </c>
      <c r="N57" s="16" t="s">
        <v>9463</v>
      </c>
      <c r="O57" s="21">
        <v>1929</v>
      </c>
      <c r="P57" s="19">
        <v>1</v>
      </c>
      <c r="Q57" s="22"/>
      <c r="R57" s="23">
        <v>45065</v>
      </c>
    </row>
    <row r="58" spans="1:18" ht="14.25" customHeight="1" x14ac:dyDescent="0.2">
      <c r="A58" s="15" t="s">
        <v>7856</v>
      </c>
      <c r="B58" s="10" t="s">
        <v>1806</v>
      </c>
      <c r="C58" s="16">
        <v>1</v>
      </c>
      <c r="D58" s="17">
        <v>511</v>
      </c>
      <c r="E58" s="17">
        <v>1503</v>
      </c>
      <c r="F58" s="17" t="s">
        <v>129</v>
      </c>
      <c r="G58" s="17" t="s">
        <v>6346</v>
      </c>
      <c r="H58" s="17" t="s">
        <v>130</v>
      </c>
      <c r="I58" s="17" t="s">
        <v>4159</v>
      </c>
      <c r="J58" s="18"/>
      <c r="K58" s="19"/>
      <c r="L58" s="17" t="s">
        <v>1901</v>
      </c>
      <c r="M58" s="17" t="s">
        <v>3149</v>
      </c>
      <c r="N58" s="16" t="s">
        <v>9464</v>
      </c>
      <c r="O58" s="21">
        <v>1971</v>
      </c>
      <c r="P58" s="19">
        <v>1</v>
      </c>
      <c r="Q58" s="22"/>
      <c r="R58" s="23">
        <v>45065</v>
      </c>
    </row>
    <row r="59" spans="1:18" ht="14.25" customHeight="1" x14ac:dyDescent="0.2">
      <c r="A59" s="15" t="s">
        <v>7857</v>
      </c>
      <c r="B59" s="10" t="s">
        <v>1806</v>
      </c>
      <c r="C59" s="16">
        <v>1</v>
      </c>
      <c r="D59" s="17">
        <v>511</v>
      </c>
      <c r="E59" s="17">
        <v>1503</v>
      </c>
      <c r="F59" s="17" t="s">
        <v>131</v>
      </c>
      <c r="G59" s="17" t="s">
        <v>6347</v>
      </c>
      <c r="H59" s="17" t="s">
        <v>132</v>
      </c>
      <c r="I59" s="17" t="s">
        <v>4160</v>
      </c>
      <c r="J59" s="18"/>
      <c r="K59" s="19"/>
      <c r="L59" s="17" t="s">
        <v>1902</v>
      </c>
      <c r="M59" s="17" t="s">
        <v>3150</v>
      </c>
      <c r="N59" s="16" t="s">
        <v>9465</v>
      </c>
      <c r="O59" s="21">
        <v>1992</v>
      </c>
      <c r="P59" s="19">
        <v>1</v>
      </c>
      <c r="Q59" s="22"/>
      <c r="R59" s="23">
        <v>45065</v>
      </c>
    </row>
    <row r="60" spans="1:18" ht="14.25" customHeight="1" x14ac:dyDescent="0.2">
      <c r="A60" s="15" t="s">
        <v>7858</v>
      </c>
      <c r="B60" s="10" t="s">
        <v>1806</v>
      </c>
      <c r="C60" s="16">
        <v>1</v>
      </c>
      <c r="D60" s="17">
        <v>511</v>
      </c>
      <c r="E60" s="17">
        <v>1503</v>
      </c>
      <c r="F60" s="17" t="s">
        <v>133</v>
      </c>
      <c r="G60" s="17" t="s">
        <v>6348</v>
      </c>
      <c r="H60" s="17" t="s">
        <v>134</v>
      </c>
      <c r="I60" s="17" t="s">
        <v>4161</v>
      </c>
      <c r="J60" s="18"/>
      <c r="K60" s="19"/>
      <c r="L60" s="17" t="s">
        <v>1903</v>
      </c>
      <c r="M60" s="17" t="s">
        <v>3151</v>
      </c>
      <c r="N60" s="16" t="s">
        <v>9466</v>
      </c>
      <c r="O60" s="21">
        <v>1873</v>
      </c>
      <c r="P60" s="19">
        <v>1</v>
      </c>
      <c r="Q60" s="22"/>
      <c r="R60" s="23">
        <v>45065</v>
      </c>
    </row>
    <row r="61" spans="1:18" ht="14.25" customHeight="1" x14ac:dyDescent="0.2">
      <c r="A61" s="15" t="s">
        <v>7859</v>
      </c>
      <c r="B61" s="10" t="s">
        <v>1806</v>
      </c>
      <c r="C61" s="16">
        <v>1</v>
      </c>
      <c r="D61" s="17">
        <v>511</v>
      </c>
      <c r="E61" s="17">
        <v>1503</v>
      </c>
      <c r="F61" s="17" t="s">
        <v>135</v>
      </c>
      <c r="G61" s="17" t="s">
        <v>6349</v>
      </c>
      <c r="H61" s="17" t="s">
        <v>136</v>
      </c>
      <c r="I61" s="17" t="s">
        <v>4162</v>
      </c>
      <c r="J61" s="18"/>
      <c r="K61" s="19"/>
      <c r="L61" s="17" t="s">
        <v>1904</v>
      </c>
      <c r="M61" s="17" t="s">
        <v>3152</v>
      </c>
      <c r="N61" s="16" t="s">
        <v>9467</v>
      </c>
      <c r="O61" s="21">
        <v>1873</v>
      </c>
      <c r="P61" s="19">
        <v>1</v>
      </c>
      <c r="Q61" s="22"/>
      <c r="R61" s="23">
        <v>45065</v>
      </c>
    </row>
    <row r="62" spans="1:18" ht="14.25" customHeight="1" x14ac:dyDescent="0.2">
      <c r="A62" s="15" t="s">
        <v>7860</v>
      </c>
      <c r="B62" s="10" t="s">
        <v>1806</v>
      </c>
      <c r="C62" s="16">
        <v>1</v>
      </c>
      <c r="D62" s="17">
        <v>511</v>
      </c>
      <c r="E62" s="17">
        <v>1503</v>
      </c>
      <c r="F62" s="17" t="s">
        <v>137</v>
      </c>
      <c r="G62" s="17" t="s">
        <v>6350</v>
      </c>
      <c r="H62" s="17" t="s">
        <v>138</v>
      </c>
      <c r="I62" s="17" t="s">
        <v>4163</v>
      </c>
      <c r="J62" s="18"/>
      <c r="K62" s="19"/>
      <c r="L62" s="17" t="s">
        <v>1905</v>
      </c>
      <c r="M62" s="17" t="s">
        <v>3153</v>
      </c>
      <c r="N62" s="16" t="s">
        <v>9468</v>
      </c>
      <c r="O62" s="21">
        <v>1873</v>
      </c>
      <c r="P62" s="19">
        <v>1</v>
      </c>
      <c r="Q62" s="22"/>
      <c r="R62" s="23">
        <v>45065</v>
      </c>
    </row>
    <row r="63" spans="1:18" ht="14.25" customHeight="1" x14ac:dyDescent="0.2">
      <c r="A63" s="15" t="s">
        <v>7861</v>
      </c>
      <c r="B63" s="10" t="s">
        <v>1806</v>
      </c>
      <c r="C63" s="16">
        <v>1</v>
      </c>
      <c r="D63" s="17">
        <v>511</v>
      </c>
      <c r="E63" s="17">
        <v>1503</v>
      </c>
      <c r="F63" s="17" t="s">
        <v>139</v>
      </c>
      <c r="G63" s="17" t="s">
        <v>6351</v>
      </c>
      <c r="H63" s="17" t="s">
        <v>140</v>
      </c>
      <c r="I63" s="17" t="s">
        <v>4164</v>
      </c>
      <c r="J63" s="18"/>
      <c r="K63" s="19"/>
      <c r="L63" s="17" t="s">
        <v>1906</v>
      </c>
      <c r="M63" s="17" t="s">
        <v>3154</v>
      </c>
      <c r="N63" s="16" t="s">
        <v>9469</v>
      </c>
      <c r="O63" s="21">
        <v>1905</v>
      </c>
      <c r="P63" s="19">
        <v>1</v>
      </c>
      <c r="Q63" s="22"/>
      <c r="R63" s="23">
        <v>45065</v>
      </c>
    </row>
    <row r="64" spans="1:18" ht="14.25" customHeight="1" x14ac:dyDescent="0.2">
      <c r="A64" s="15" t="s">
        <v>7862</v>
      </c>
      <c r="B64" s="10" t="s">
        <v>1806</v>
      </c>
      <c r="C64" s="16">
        <v>1</v>
      </c>
      <c r="D64" s="17">
        <v>511</v>
      </c>
      <c r="E64" s="17">
        <v>1503</v>
      </c>
      <c r="F64" s="17" t="s">
        <v>141</v>
      </c>
      <c r="G64" s="17" t="s">
        <v>6352</v>
      </c>
      <c r="H64" s="17" t="s">
        <v>142</v>
      </c>
      <c r="I64" s="17" t="s">
        <v>4165</v>
      </c>
      <c r="J64" s="18"/>
      <c r="K64" s="19"/>
      <c r="L64" s="17" t="s">
        <v>1907</v>
      </c>
      <c r="M64" s="17" t="s">
        <v>3155</v>
      </c>
      <c r="N64" s="16" t="s">
        <v>9470</v>
      </c>
      <c r="O64" s="21">
        <v>1911</v>
      </c>
      <c r="P64" s="19">
        <v>1</v>
      </c>
      <c r="Q64" s="22"/>
      <c r="R64" s="23">
        <v>45065</v>
      </c>
    </row>
    <row r="65" spans="1:18" ht="14.25" customHeight="1" x14ac:dyDescent="0.2">
      <c r="A65" s="15" t="s">
        <v>7863</v>
      </c>
      <c r="B65" s="10" t="s">
        <v>1806</v>
      </c>
      <c r="C65" s="16">
        <v>1</v>
      </c>
      <c r="D65" s="17">
        <v>511</v>
      </c>
      <c r="E65" s="17">
        <v>1503</v>
      </c>
      <c r="F65" s="17" t="s">
        <v>143</v>
      </c>
      <c r="G65" s="17" t="s">
        <v>6353</v>
      </c>
      <c r="H65" s="17" t="s">
        <v>144</v>
      </c>
      <c r="I65" s="17" t="s">
        <v>4166</v>
      </c>
      <c r="J65" s="18"/>
      <c r="K65" s="19"/>
      <c r="L65" s="17" t="s">
        <v>1908</v>
      </c>
      <c r="M65" s="17" t="s">
        <v>3156</v>
      </c>
      <c r="N65" s="16" t="s">
        <v>9471</v>
      </c>
      <c r="O65" s="21">
        <v>1921</v>
      </c>
      <c r="P65" s="19">
        <v>1</v>
      </c>
      <c r="Q65" s="22"/>
      <c r="R65" s="23">
        <v>45065</v>
      </c>
    </row>
    <row r="66" spans="1:18" ht="14.25" customHeight="1" x14ac:dyDescent="0.2">
      <c r="A66" s="15" t="s">
        <v>7864</v>
      </c>
      <c r="B66" s="10" t="s">
        <v>1806</v>
      </c>
      <c r="C66" s="16">
        <v>1</v>
      </c>
      <c r="D66" s="17">
        <v>511</v>
      </c>
      <c r="E66" s="17">
        <v>1503</v>
      </c>
      <c r="F66" s="17" t="s">
        <v>5167</v>
      </c>
      <c r="G66" s="17" t="s">
        <v>6354</v>
      </c>
      <c r="H66" s="17" t="s">
        <v>145</v>
      </c>
      <c r="I66" s="17" t="s">
        <v>10636</v>
      </c>
      <c r="J66" s="18"/>
      <c r="K66" s="19"/>
      <c r="L66" s="17" t="s">
        <v>1909</v>
      </c>
      <c r="M66" s="17" t="s">
        <v>3157</v>
      </c>
      <c r="N66" s="16" t="s">
        <v>9472</v>
      </c>
      <c r="O66" s="21">
        <v>1934</v>
      </c>
      <c r="P66" s="19">
        <v>1</v>
      </c>
      <c r="Q66" s="22"/>
      <c r="R66" s="23">
        <v>45065</v>
      </c>
    </row>
    <row r="67" spans="1:18" ht="14.25" customHeight="1" x14ac:dyDescent="0.2">
      <c r="A67" s="15" t="s">
        <v>7865</v>
      </c>
      <c r="B67" s="10" t="s">
        <v>1806</v>
      </c>
      <c r="C67" s="16">
        <v>1</v>
      </c>
      <c r="D67" s="17">
        <v>511</v>
      </c>
      <c r="E67" s="17">
        <v>1503</v>
      </c>
      <c r="F67" s="17" t="s">
        <v>146</v>
      </c>
      <c r="G67" s="17" t="s">
        <v>6355</v>
      </c>
      <c r="H67" s="17" t="s">
        <v>147</v>
      </c>
      <c r="I67" s="17" t="s">
        <v>4167</v>
      </c>
      <c r="J67" s="18"/>
      <c r="K67" s="19"/>
      <c r="L67" s="17" t="s">
        <v>1910</v>
      </c>
      <c r="M67" s="17" t="s">
        <v>3158</v>
      </c>
      <c r="N67" s="16" t="s">
        <v>9473</v>
      </c>
      <c r="O67" s="21">
        <v>1951</v>
      </c>
      <c r="P67" s="19">
        <v>1</v>
      </c>
      <c r="Q67" s="22"/>
      <c r="R67" s="23">
        <v>45065</v>
      </c>
    </row>
    <row r="68" spans="1:18" ht="14.25" customHeight="1" x14ac:dyDescent="0.2">
      <c r="A68" s="15" t="s">
        <v>7866</v>
      </c>
      <c r="B68" s="10" t="s">
        <v>1806</v>
      </c>
      <c r="C68" s="16">
        <v>1</v>
      </c>
      <c r="D68" s="17">
        <v>511</v>
      </c>
      <c r="E68" s="17">
        <v>1503</v>
      </c>
      <c r="F68" s="17" t="s">
        <v>148</v>
      </c>
      <c r="G68" s="17" t="s">
        <v>6356</v>
      </c>
      <c r="H68" s="17" t="s">
        <v>134</v>
      </c>
      <c r="I68" s="17" t="s">
        <v>4168</v>
      </c>
      <c r="J68" s="18"/>
      <c r="K68" s="19"/>
      <c r="L68" s="17" t="s">
        <v>1911</v>
      </c>
      <c r="M68" s="17" t="s">
        <v>3159</v>
      </c>
      <c r="N68" s="16" t="s">
        <v>9474</v>
      </c>
      <c r="O68" s="21">
        <v>1951</v>
      </c>
      <c r="P68" s="19">
        <v>1</v>
      </c>
      <c r="Q68" s="22"/>
      <c r="R68" s="23">
        <v>45065</v>
      </c>
    </row>
    <row r="69" spans="1:18" ht="14.25" customHeight="1" x14ac:dyDescent="0.2">
      <c r="A69" s="15" t="s">
        <v>7867</v>
      </c>
      <c r="B69" s="10" t="s">
        <v>1806</v>
      </c>
      <c r="C69" s="16">
        <v>1</v>
      </c>
      <c r="D69" s="17">
        <v>511</v>
      </c>
      <c r="E69" s="17">
        <v>1503</v>
      </c>
      <c r="F69" s="17" t="s">
        <v>149</v>
      </c>
      <c r="G69" s="17" t="s">
        <v>6357</v>
      </c>
      <c r="H69" s="17" t="s">
        <v>150</v>
      </c>
      <c r="I69" s="17" t="s">
        <v>4169</v>
      </c>
      <c r="J69" s="18"/>
      <c r="K69" s="19"/>
      <c r="L69" s="17" t="s">
        <v>1912</v>
      </c>
      <c r="M69" s="17" t="s">
        <v>3160</v>
      </c>
      <c r="N69" s="16" t="s">
        <v>9475</v>
      </c>
      <c r="O69" s="21">
        <v>1955</v>
      </c>
      <c r="P69" s="19">
        <v>1</v>
      </c>
      <c r="Q69" s="22"/>
      <c r="R69" s="23">
        <v>45065</v>
      </c>
    </row>
    <row r="70" spans="1:18" ht="14.25" customHeight="1" x14ac:dyDescent="0.2">
      <c r="A70" s="15" t="s">
        <v>7868</v>
      </c>
      <c r="B70" s="10" t="s">
        <v>1806</v>
      </c>
      <c r="C70" s="16">
        <v>1</v>
      </c>
      <c r="D70" s="17">
        <v>511</v>
      </c>
      <c r="E70" s="17">
        <v>1503</v>
      </c>
      <c r="F70" s="17" t="s">
        <v>151</v>
      </c>
      <c r="G70" s="17" t="s">
        <v>6358</v>
      </c>
      <c r="H70" s="17" t="s">
        <v>152</v>
      </c>
      <c r="I70" s="17" t="s">
        <v>4170</v>
      </c>
      <c r="J70" s="18"/>
      <c r="K70" s="19"/>
      <c r="L70" s="17" t="s">
        <v>1913</v>
      </c>
      <c r="M70" s="17" t="s">
        <v>3161</v>
      </c>
      <c r="N70" s="16" t="s">
        <v>9476</v>
      </c>
      <c r="O70" s="21">
        <v>1965</v>
      </c>
      <c r="P70" s="19">
        <v>1</v>
      </c>
      <c r="Q70" s="22"/>
      <c r="R70" s="23">
        <v>45065</v>
      </c>
    </row>
    <row r="71" spans="1:18" ht="14.25" customHeight="1" x14ac:dyDescent="0.2">
      <c r="A71" s="15" t="s">
        <v>7869</v>
      </c>
      <c r="B71" s="10" t="s">
        <v>1806</v>
      </c>
      <c r="C71" s="16">
        <v>1</v>
      </c>
      <c r="D71" s="17">
        <v>511</v>
      </c>
      <c r="E71" s="17">
        <v>1503</v>
      </c>
      <c r="F71" s="17" t="s">
        <v>153</v>
      </c>
      <c r="G71" s="17" t="s">
        <v>6359</v>
      </c>
      <c r="H71" s="17" t="s">
        <v>154</v>
      </c>
      <c r="I71" s="17" t="s">
        <v>10637</v>
      </c>
      <c r="J71" s="18"/>
      <c r="K71" s="19"/>
      <c r="L71" s="17" t="s">
        <v>1914</v>
      </c>
      <c r="M71" s="17" t="s">
        <v>3162</v>
      </c>
      <c r="N71" s="16" t="s">
        <v>9477</v>
      </c>
      <c r="O71" s="21">
        <v>1967</v>
      </c>
      <c r="P71" s="19">
        <v>1</v>
      </c>
      <c r="Q71" s="22"/>
      <c r="R71" s="23">
        <v>45065</v>
      </c>
    </row>
    <row r="72" spans="1:18" ht="14.25" customHeight="1" x14ac:dyDescent="0.2">
      <c r="A72" s="15" t="s">
        <v>7870</v>
      </c>
      <c r="B72" s="10" t="s">
        <v>1806</v>
      </c>
      <c r="C72" s="16">
        <v>1</v>
      </c>
      <c r="D72" s="17">
        <v>511</v>
      </c>
      <c r="E72" s="17">
        <v>1503</v>
      </c>
      <c r="F72" s="17" t="s">
        <v>155</v>
      </c>
      <c r="G72" s="17" t="s">
        <v>6360</v>
      </c>
      <c r="H72" s="17" t="s">
        <v>156</v>
      </c>
      <c r="I72" s="17" t="s">
        <v>4171</v>
      </c>
      <c r="J72" s="18"/>
      <c r="K72" s="19"/>
      <c r="L72" s="17" t="s">
        <v>1915</v>
      </c>
      <c r="M72" s="17" t="s">
        <v>3163</v>
      </c>
      <c r="N72" s="16" t="s">
        <v>9478</v>
      </c>
      <c r="O72" s="21">
        <v>1969</v>
      </c>
      <c r="P72" s="19">
        <v>1</v>
      </c>
      <c r="Q72" s="22"/>
      <c r="R72" s="23">
        <v>45065</v>
      </c>
    </row>
    <row r="73" spans="1:18" ht="14.25" customHeight="1" x14ac:dyDescent="0.2">
      <c r="A73" s="15" t="s">
        <v>7871</v>
      </c>
      <c r="B73" s="10" t="s">
        <v>1806</v>
      </c>
      <c r="C73" s="16">
        <v>1</v>
      </c>
      <c r="D73" s="17">
        <v>511</v>
      </c>
      <c r="E73" s="17">
        <v>1503</v>
      </c>
      <c r="F73" s="17" t="s">
        <v>157</v>
      </c>
      <c r="G73" s="17" t="s">
        <v>6361</v>
      </c>
      <c r="H73" s="17" t="s">
        <v>158</v>
      </c>
      <c r="I73" s="17" t="s">
        <v>4172</v>
      </c>
      <c r="J73" s="18"/>
      <c r="K73" s="19"/>
      <c r="L73" s="17" t="s">
        <v>1916</v>
      </c>
      <c r="M73" s="17" t="s">
        <v>3164</v>
      </c>
      <c r="N73" s="16" t="s">
        <v>9479</v>
      </c>
      <c r="O73" s="21">
        <v>1974</v>
      </c>
      <c r="P73" s="19">
        <v>1</v>
      </c>
      <c r="Q73" s="22"/>
      <c r="R73" s="23">
        <v>45065</v>
      </c>
    </row>
    <row r="74" spans="1:18" ht="14.25" customHeight="1" x14ac:dyDescent="0.2">
      <c r="A74" s="15" t="s">
        <v>7872</v>
      </c>
      <c r="B74" s="10" t="s">
        <v>1806</v>
      </c>
      <c r="C74" s="16">
        <v>1</v>
      </c>
      <c r="D74" s="17">
        <v>511</v>
      </c>
      <c r="E74" s="17">
        <v>1503</v>
      </c>
      <c r="F74" s="17" t="s">
        <v>159</v>
      </c>
      <c r="G74" s="17" t="s">
        <v>6362</v>
      </c>
      <c r="H74" s="17" t="s">
        <v>154</v>
      </c>
      <c r="I74" s="17" t="s">
        <v>5168</v>
      </c>
      <c r="J74" s="18"/>
      <c r="K74" s="19"/>
      <c r="L74" s="17" t="s">
        <v>1917</v>
      </c>
      <c r="M74" s="17" t="s">
        <v>3165</v>
      </c>
      <c r="N74" s="16" t="s">
        <v>9480</v>
      </c>
      <c r="O74" s="21">
        <v>1976</v>
      </c>
      <c r="P74" s="19">
        <v>1</v>
      </c>
      <c r="Q74" s="22"/>
      <c r="R74" s="23">
        <v>45065</v>
      </c>
    </row>
    <row r="75" spans="1:18" ht="14.25" customHeight="1" x14ac:dyDescent="0.2">
      <c r="A75" s="15" t="s">
        <v>7873</v>
      </c>
      <c r="B75" s="10" t="s">
        <v>1806</v>
      </c>
      <c r="C75" s="16">
        <v>1</v>
      </c>
      <c r="D75" s="17">
        <v>511</v>
      </c>
      <c r="E75" s="17">
        <v>1503</v>
      </c>
      <c r="F75" s="17" t="s">
        <v>160</v>
      </c>
      <c r="G75" s="17" t="s">
        <v>6363</v>
      </c>
      <c r="H75" s="17" t="s">
        <v>161</v>
      </c>
      <c r="I75" s="17" t="s">
        <v>4173</v>
      </c>
      <c r="J75" s="18"/>
      <c r="K75" s="19"/>
      <c r="L75" s="17" t="s">
        <v>1918</v>
      </c>
      <c r="M75" s="17" t="s">
        <v>3166</v>
      </c>
      <c r="N75" s="16" t="s">
        <v>9481</v>
      </c>
      <c r="O75" s="21">
        <v>1976</v>
      </c>
      <c r="P75" s="19">
        <v>1</v>
      </c>
      <c r="Q75" s="22"/>
      <c r="R75" s="23">
        <v>45065</v>
      </c>
    </row>
    <row r="76" spans="1:18" ht="14.25" customHeight="1" x14ac:dyDescent="0.2">
      <c r="A76" s="15" t="s">
        <v>7874</v>
      </c>
      <c r="B76" s="10" t="s">
        <v>1806</v>
      </c>
      <c r="C76" s="16">
        <v>1</v>
      </c>
      <c r="D76" s="17">
        <v>511</v>
      </c>
      <c r="E76" s="17">
        <v>1503</v>
      </c>
      <c r="F76" s="17" t="s">
        <v>162</v>
      </c>
      <c r="G76" s="17" t="s">
        <v>6364</v>
      </c>
      <c r="H76" s="17" t="s">
        <v>154</v>
      </c>
      <c r="I76" s="17" t="s">
        <v>5169</v>
      </c>
      <c r="J76" s="18"/>
      <c r="K76" s="19"/>
      <c r="L76" s="17" t="s">
        <v>1919</v>
      </c>
      <c r="M76" s="17" t="s">
        <v>3167</v>
      </c>
      <c r="N76" s="16" t="s">
        <v>9482</v>
      </c>
      <c r="O76" s="21">
        <v>1979</v>
      </c>
      <c r="P76" s="19">
        <v>1</v>
      </c>
      <c r="Q76" s="22"/>
      <c r="R76" s="23">
        <v>45065</v>
      </c>
    </row>
    <row r="77" spans="1:18" ht="14.25" customHeight="1" x14ac:dyDescent="0.2">
      <c r="A77" s="15" t="s">
        <v>7875</v>
      </c>
      <c r="B77" s="10" t="s">
        <v>1806</v>
      </c>
      <c r="C77" s="16">
        <v>1</v>
      </c>
      <c r="D77" s="17">
        <v>511</v>
      </c>
      <c r="E77" s="17">
        <v>1503</v>
      </c>
      <c r="F77" s="17" t="s">
        <v>163</v>
      </c>
      <c r="G77" s="17" t="s">
        <v>6365</v>
      </c>
      <c r="H77" s="17" t="s">
        <v>164</v>
      </c>
      <c r="I77" s="17" t="s">
        <v>4174</v>
      </c>
      <c r="J77" s="18"/>
      <c r="K77" s="19"/>
      <c r="L77" s="17" t="s">
        <v>1920</v>
      </c>
      <c r="M77" s="17" t="s">
        <v>3168</v>
      </c>
      <c r="N77" s="16" t="s">
        <v>9483</v>
      </c>
      <c r="O77" s="21">
        <v>1873</v>
      </c>
      <c r="P77" s="19">
        <v>1</v>
      </c>
      <c r="Q77" s="22"/>
      <c r="R77" s="23">
        <v>45065</v>
      </c>
    </row>
    <row r="78" spans="1:18" ht="14.25" customHeight="1" x14ac:dyDescent="0.2">
      <c r="A78" s="15" t="s">
        <v>7876</v>
      </c>
      <c r="B78" s="10" t="s">
        <v>1806</v>
      </c>
      <c r="C78" s="16">
        <v>1</v>
      </c>
      <c r="D78" s="17">
        <v>511</v>
      </c>
      <c r="E78" s="17">
        <v>1503</v>
      </c>
      <c r="F78" s="17" t="s">
        <v>165</v>
      </c>
      <c r="G78" s="17" t="s">
        <v>6366</v>
      </c>
      <c r="H78" s="17" t="s">
        <v>166</v>
      </c>
      <c r="I78" s="17" t="s">
        <v>4175</v>
      </c>
      <c r="J78" s="18"/>
      <c r="K78" s="19"/>
      <c r="L78" s="17" t="s">
        <v>1921</v>
      </c>
      <c r="M78" s="17" t="s">
        <v>3169</v>
      </c>
      <c r="N78" s="16" t="s">
        <v>9484</v>
      </c>
      <c r="O78" s="21">
        <v>1892</v>
      </c>
      <c r="P78" s="19">
        <v>1</v>
      </c>
      <c r="Q78" s="22"/>
      <c r="R78" s="23">
        <v>45065</v>
      </c>
    </row>
    <row r="79" spans="1:18" ht="14.25" customHeight="1" x14ac:dyDescent="0.2">
      <c r="A79" s="15" t="s">
        <v>7877</v>
      </c>
      <c r="B79" s="10" t="s">
        <v>1806</v>
      </c>
      <c r="C79" s="16">
        <v>1</v>
      </c>
      <c r="D79" s="17">
        <v>511</v>
      </c>
      <c r="E79" s="17">
        <v>1503</v>
      </c>
      <c r="F79" s="17" t="s">
        <v>167</v>
      </c>
      <c r="G79" s="17" t="s">
        <v>6367</v>
      </c>
      <c r="H79" s="17" t="s">
        <v>168</v>
      </c>
      <c r="I79" s="17" t="s">
        <v>4176</v>
      </c>
      <c r="J79" s="18"/>
      <c r="K79" s="19"/>
      <c r="L79" s="17" t="s">
        <v>1922</v>
      </c>
      <c r="M79" s="17" t="s">
        <v>3170</v>
      </c>
      <c r="N79" s="16" t="s">
        <v>9485</v>
      </c>
      <c r="O79" s="21">
        <v>1903</v>
      </c>
      <c r="P79" s="19">
        <v>1</v>
      </c>
      <c r="Q79" s="22"/>
      <c r="R79" s="23">
        <v>45065</v>
      </c>
    </row>
    <row r="80" spans="1:18" ht="14.25" customHeight="1" x14ac:dyDescent="0.2">
      <c r="A80" s="15" t="s">
        <v>7878</v>
      </c>
      <c r="B80" s="10" t="s">
        <v>1806</v>
      </c>
      <c r="C80" s="16">
        <v>1</v>
      </c>
      <c r="D80" s="17">
        <v>511</v>
      </c>
      <c r="E80" s="17">
        <v>1503</v>
      </c>
      <c r="F80" s="17" t="s">
        <v>169</v>
      </c>
      <c r="G80" s="17" t="s">
        <v>6368</v>
      </c>
      <c r="H80" s="17" t="s">
        <v>170</v>
      </c>
      <c r="I80" s="17" t="s">
        <v>4177</v>
      </c>
      <c r="J80" s="18"/>
      <c r="K80" s="19"/>
      <c r="L80" s="17" t="s">
        <v>1923</v>
      </c>
      <c r="M80" s="17" t="s">
        <v>3171</v>
      </c>
      <c r="N80" s="16" t="s">
        <v>9486</v>
      </c>
      <c r="O80" s="21">
        <v>1912</v>
      </c>
      <c r="P80" s="19">
        <v>1</v>
      </c>
      <c r="Q80" s="22"/>
      <c r="R80" s="23">
        <v>45065</v>
      </c>
    </row>
    <row r="81" spans="1:18" ht="14.25" customHeight="1" x14ac:dyDescent="0.2">
      <c r="A81" s="15" t="s">
        <v>7879</v>
      </c>
      <c r="B81" s="10" t="s">
        <v>1806</v>
      </c>
      <c r="C81" s="16">
        <v>1</v>
      </c>
      <c r="D81" s="17">
        <v>511</v>
      </c>
      <c r="E81" s="17">
        <v>1503</v>
      </c>
      <c r="F81" s="17" t="s">
        <v>171</v>
      </c>
      <c r="G81" s="17" t="s">
        <v>6369</v>
      </c>
      <c r="H81" s="17" t="s">
        <v>172</v>
      </c>
      <c r="I81" s="17" t="s">
        <v>4178</v>
      </c>
      <c r="J81" s="18"/>
      <c r="K81" s="19"/>
      <c r="L81" s="17" t="s">
        <v>1924</v>
      </c>
      <c r="M81" s="17" t="s">
        <v>3172</v>
      </c>
      <c r="N81" s="16" t="s">
        <v>9487</v>
      </c>
      <c r="O81" s="21">
        <v>1961</v>
      </c>
      <c r="P81" s="19">
        <v>1</v>
      </c>
      <c r="Q81" s="22"/>
      <c r="R81" s="23">
        <v>45065</v>
      </c>
    </row>
    <row r="82" spans="1:18" ht="14.25" customHeight="1" x14ac:dyDescent="0.2">
      <c r="A82" s="15" t="s">
        <v>7880</v>
      </c>
      <c r="B82" s="10" t="s">
        <v>1806</v>
      </c>
      <c r="C82" s="16">
        <v>1</v>
      </c>
      <c r="D82" s="17">
        <v>511</v>
      </c>
      <c r="E82" s="17">
        <v>1503</v>
      </c>
      <c r="F82" s="17" t="s">
        <v>173</v>
      </c>
      <c r="G82" s="17" t="s">
        <v>6370</v>
      </c>
      <c r="H82" s="17" t="s">
        <v>174</v>
      </c>
      <c r="I82" s="17" t="s">
        <v>4179</v>
      </c>
      <c r="J82" s="18"/>
      <c r="K82" s="19"/>
      <c r="L82" s="17" t="s">
        <v>1925</v>
      </c>
      <c r="M82" s="17" t="s">
        <v>3173</v>
      </c>
      <c r="N82" s="16" t="s">
        <v>9488</v>
      </c>
      <c r="O82" s="21">
        <v>1967</v>
      </c>
      <c r="P82" s="19">
        <v>1</v>
      </c>
      <c r="Q82" s="22"/>
      <c r="R82" s="23">
        <v>45065</v>
      </c>
    </row>
    <row r="83" spans="1:18" ht="14.25" customHeight="1" x14ac:dyDescent="0.2">
      <c r="A83" s="15" t="s">
        <v>7881</v>
      </c>
      <c r="B83" s="10" t="s">
        <v>1806</v>
      </c>
      <c r="C83" s="16">
        <v>1</v>
      </c>
      <c r="D83" s="17">
        <v>511</v>
      </c>
      <c r="E83" s="17">
        <v>1503</v>
      </c>
      <c r="F83" s="17" t="s">
        <v>175</v>
      </c>
      <c r="G83" s="17" t="s">
        <v>6371</v>
      </c>
      <c r="H83" s="17" t="s">
        <v>164</v>
      </c>
      <c r="I83" s="17" t="s">
        <v>4180</v>
      </c>
      <c r="J83" s="18"/>
      <c r="K83" s="19"/>
      <c r="L83" s="17" t="s">
        <v>1926</v>
      </c>
      <c r="M83" s="17" t="s">
        <v>3174</v>
      </c>
      <c r="N83" s="16" t="s">
        <v>9489</v>
      </c>
      <c r="O83" s="21">
        <v>1967</v>
      </c>
      <c r="P83" s="19">
        <v>1</v>
      </c>
      <c r="Q83" s="22"/>
      <c r="R83" s="23">
        <v>45065</v>
      </c>
    </row>
    <row r="84" spans="1:18" ht="14.25" customHeight="1" x14ac:dyDescent="0.2">
      <c r="A84" s="15" t="s">
        <v>7882</v>
      </c>
      <c r="B84" s="10" t="s">
        <v>1806</v>
      </c>
      <c r="C84" s="16">
        <v>1</v>
      </c>
      <c r="D84" s="17">
        <v>511</v>
      </c>
      <c r="E84" s="17">
        <v>1503</v>
      </c>
      <c r="F84" s="17" t="s">
        <v>176</v>
      </c>
      <c r="G84" s="17" t="s">
        <v>6372</v>
      </c>
      <c r="H84" s="17" t="s">
        <v>177</v>
      </c>
      <c r="I84" s="17" t="s">
        <v>4181</v>
      </c>
      <c r="J84" s="18"/>
      <c r="K84" s="19"/>
      <c r="L84" s="17" t="s">
        <v>1927</v>
      </c>
      <c r="M84" s="17" t="s">
        <v>3175</v>
      </c>
      <c r="N84" s="16" t="s">
        <v>9490</v>
      </c>
      <c r="O84" s="21">
        <v>1968</v>
      </c>
      <c r="P84" s="19">
        <v>1</v>
      </c>
      <c r="Q84" s="22"/>
      <c r="R84" s="23">
        <v>45065</v>
      </c>
    </row>
    <row r="85" spans="1:18" ht="14.25" customHeight="1" x14ac:dyDescent="0.2">
      <c r="A85" s="15" t="s">
        <v>7883</v>
      </c>
      <c r="B85" s="10" t="s">
        <v>1806</v>
      </c>
      <c r="C85" s="16">
        <v>1</v>
      </c>
      <c r="D85" s="17">
        <v>511</v>
      </c>
      <c r="E85" s="17">
        <v>1503</v>
      </c>
      <c r="F85" s="17" t="s">
        <v>178</v>
      </c>
      <c r="G85" s="17" t="s">
        <v>6373</v>
      </c>
      <c r="H85" s="17" t="s">
        <v>179</v>
      </c>
      <c r="I85" s="17" t="s">
        <v>4182</v>
      </c>
      <c r="J85" s="18"/>
      <c r="K85" s="19"/>
      <c r="L85" s="17" t="s">
        <v>1928</v>
      </c>
      <c r="M85" s="17" t="s">
        <v>3176</v>
      </c>
      <c r="N85" s="16" t="s">
        <v>9491</v>
      </c>
      <c r="O85" s="21">
        <v>1971</v>
      </c>
      <c r="P85" s="19">
        <v>1</v>
      </c>
      <c r="Q85" s="22"/>
      <c r="R85" s="23">
        <v>45065</v>
      </c>
    </row>
    <row r="86" spans="1:18" ht="14.25" customHeight="1" x14ac:dyDescent="0.2">
      <c r="A86" s="15" t="s">
        <v>7884</v>
      </c>
      <c r="B86" s="10" t="s">
        <v>1806</v>
      </c>
      <c r="C86" s="16">
        <v>1</v>
      </c>
      <c r="D86" s="17">
        <v>511</v>
      </c>
      <c r="E86" s="17">
        <v>1503</v>
      </c>
      <c r="F86" s="17" t="s">
        <v>180</v>
      </c>
      <c r="G86" s="17" t="s">
        <v>6374</v>
      </c>
      <c r="H86" s="17" t="s">
        <v>174</v>
      </c>
      <c r="I86" s="17" t="s">
        <v>4183</v>
      </c>
      <c r="J86" s="18"/>
      <c r="K86" s="19"/>
      <c r="L86" s="17" t="s">
        <v>1929</v>
      </c>
      <c r="M86" s="17" t="s">
        <v>3177</v>
      </c>
      <c r="N86" s="16" t="s">
        <v>9492</v>
      </c>
      <c r="O86" s="21">
        <v>1973</v>
      </c>
      <c r="P86" s="19">
        <v>1</v>
      </c>
      <c r="Q86" s="22"/>
      <c r="R86" s="23">
        <v>45065</v>
      </c>
    </row>
    <row r="87" spans="1:18" ht="14.25" customHeight="1" x14ac:dyDescent="0.2">
      <c r="A87" s="15" t="s">
        <v>7885</v>
      </c>
      <c r="B87" s="10" t="s">
        <v>1806</v>
      </c>
      <c r="C87" s="16">
        <v>1</v>
      </c>
      <c r="D87" s="17">
        <v>511</v>
      </c>
      <c r="E87" s="17">
        <v>1503</v>
      </c>
      <c r="F87" s="17" t="s">
        <v>181</v>
      </c>
      <c r="G87" s="17" t="s">
        <v>6375</v>
      </c>
      <c r="H87" s="17" t="s">
        <v>182</v>
      </c>
      <c r="I87" s="17" t="s">
        <v>4184</v>
      </c>
      <c r="J87" s="18"/>
      <c r="K87" s="19"/>
      <c r="L87" s="17" t="s">
        <v>1930</v>
      </c>
      <c r="M87" s="17" t="s">
        <v>3178</v>
      </c>
      <c r="N87" s="16" t="s">
        <v>9493</v>
      </c>
      <c r="O87" s="21">
        <v>1974</v>
      </c>
      <c r="P87" s="19">
        <v>1</v>
      </c>
      <c r="Q87" s="22"/>
      <c r="R87" s="23">
        <v>45065</v>
      </c>
    </row>
    <row r="88" spans="1:18" ht="14.25" customHeight="1" x14ac:dyDescent="0.2">
      <c r="A88" s="15" t="s">
        <v>7886</v>
      </c>
      <c r="B88" s="10" t="s">
        <v>1806</v>
      </c>
      <c r="C88" s="16">
        <v>1</v>
      </c>
      <c r="D88" s="17">
        <v>511</v>
      </c>
      <c r="E88" s="17">
        <v>1503</v>
      </c>
      <c r="F88" s="17" t="s">
        <v>183</v>
      </c>
      <c r="G88" s="17" t="s">
        <v>6376</v>
      </c>
      <c r="H88" s="17" t="s">
        <v>184</v>
      </c>
      <c r="I88" s="17" t="s">
        <v>4185</v>
      </c>
      <c r="J88" s="18"/>
      <c r="K88" s="19"/>
      <c r="L88" s="17" t="s">
        <v>1931</v>
      </c>
      <c r="M88" s="17" t="s">
        <v>3179</v>
      </c>
      <c r="N88" s="16" t="s">
        <v>9494</v>
      </c>
      <c r="O88" s="21">
        <v>1974</v>
      </c>
      <c r="P88" s="19">
        <v>1</v>
      </c>
      <c r="Q88" s="22"/>
      <c r="R88" s="23">
        <v>45065</v>
      </c>
    </row>
    <row r="89" spans="1:18" ht="14.25" customHeight="1" x14ac:dyDescent="0.2">
      <c r="A89" s="15" t="s">
        <v>7887</v>
      </c>
      <c r="B89" s="10" t="s">
        <v>1806</v>
      </c>
      <c r="C89" s="16">
        <v>1</v>
      </c>
      <c r="D89" s="17">
        <v>511</v>
      </c>
      <c r="E89" s="17">
        <v>1503</v>
      </c>
      <c r="F89" s="17" t="s">
        <v>185</v>
      </c>
      <c r="G89" s="17" t="s">
        <v>6377</v>
      </c>
      <c r="H89" s="17" t="s">
        <v>186</v>
      </c>
      <c r="I89" s="17" t="s">
        <v>4186</v>
      </c>
      <c r="J89" s="18"/>
      <c r="K89" s="19"/>
      <c r="L89" s="17" t="s">
        <v>1932</v>
      </c>
      <c r="M89" s="17" t="s">
        <v>3180</v>
      </c>
      <c r="N89" s="16" t="s">
        <v>9495</v>
      </c>
      <c r="O89" s="21">
        <v>1975</v>
      </c>
      <c r="P89" s="19">
        <v>1</v>
      </c>
      <c r="Q89" s="22"/>
      <c r="R89" s="23">
        <v>45065</v>
      </c>
    </row>
    <row r="90" spans="1:18" ht="14.25" customHeight="1" x14ac:dyDescent="0.2">
      <c r="A90" s="15" t="s">
        <v>7888</v>
      </c>
      <c r="B90" s="10" t="s">
        <v>1806</v>
      </c>
      <c r="C90" s="16">
        <v>1</v>
      </c>
      <c r="D90" s="17">
        <v>511</v>
      </c>
      <c r="E90" s="17">
        <v>1503</v>
      </c>
      <c r="F90" s="17" t="s">
        <v>187</v>
      </c>
      <c r="G90" s="17" t="s">
        <v>6378</v>
      </c>
      <c r="H90" s="17" t="s">
        <v>188</v>
      </c>
      <c r="I90" s="17" t="s">
        <v>4187</v>
      </c>
      <c r="J90" s="18"/>
      <c r="K90" s="19"/>
      <c r="L90" s="17" t="s">
        <v>1933</v>
      </c>
      <c r="M90" s="17" t="s">
        <v>3181</v>
      </c>
      <c r="N90" s="16" t="s">
        <v>9496</v>
      </c>
      <c r="O90" s="21">
        <v>1976</v>
      </c>
      <c r="P90" s="19">
        <v>1</v>
      </c>
      <c r="Q90" s="22"/>
      <c r="R90" s="23">
        <v>45065</v>
      </c>
    </row>
    <row r="91" spans="1:18" ht="14.25" customHeight="1" x14ac:dyDescent="0.2">
      <c r="A91" s="15" t="s">
        <v>7889</v>
      </c>
      <c r="B91" s="10" t="s">
        <v>1806</v>
      </c>
      <c r="C91" s="16">
        <v>1</v>
      </c>
      <c r="D91" s="17">
        <v>511</v>
      </c>
      <c r="E91" s="17">
        <v>1503</v>
      </c>
      <c r="F91" s="17" t="s">
        <v>189</v>
      </c>
      <c r="G91" s="17" t="s">
        <v>6379</v>
      </c>
      <c r="H91" s="17" t="s">
        <v>166</v>
      </c>
      <c r="I91" s="17" t="s">
        <v>4188</v>
      </c>
      <c r="J91" s="18"/>
      <c r="K91" s="19"/>
      <c r="L91" s="17" t="s">
        <v>1934</v>
      </c>
      <c r="M91" s="17" t="s">
        <v>3182</v>
      </c>
      <c r="N91" s="16" t="s">
        <v>9497</v>
      </c>
      <c r="O91" s="21">
        <v>1976</v>
      </c>
      <c r="P91" s="19">
        <v>1</v>
      </c>
      <c r="Q91" s="22"/>
      <c r="R91" s="23">
        <v>45065</v>
      </c>
    </row>
    <row r="92" spans="1:18" ht="14.25" customHeight="1" x14ac:dyDescent="0.2">
      <c r="A92" s="15" t="s">
        <v>7890</v>
      </c>
      <c r="B92" s="10" t="s">
        <v>1806</v>
      </c>
      <c r="C92" s="16">
        <v>1</v>
      </c>
      <c r="D92" s="17">
        <v>511</v>
      </c>
      <c r="E92" s="17">
        <v>1503</v>
      </c>
      <c r="F92" s="17" t="s">
        <v>190</v>
      </c>
      <c r="G92" s="17" t="s">
        <v>6380</v>
      </c>
      <c r="H92" s="17" t="s">
        <v>191</v>
      </c>
      <c r="I92" s="17" t="s">
        <v>4189</v>
      </c>
      <c r="J92" s="18"/>
      <c r="K92" s="19"/>
      <c r="L92" s="17" t="s">
        <v>1935</v>
      </c>
      <c r="M92" s="17" t="s">
        <v>3183</v>
      </c>
      <c r="N92" s="16" t="s">
        <v>9498</v>
      </c>
      <c r="O92" s="21">
        <v>1976</v>
      </c>
      <c r="P92" s="19">
        <v>1</v>
      </c>
      <c r="Q92" s="22"/>
      <c r="R92" s="23">
        <v>45065</v>
      </c>
    </row>
    <row r="93" spans="1:18" ht="14.25" customHeight="1" x14ac:dyDescent="0.2">
      <c r="A93" s="15" t="s">
        <v>7891</v>
      </c>
      <c r="B93" s="10" t="s">
        <v>1806</v>
      </c>
      <c r="C93" s="16">
        <v>1</v>
      </c>
      <c r="D93" s="17">
        <v>511</v>
      </c>
      <c r="E93" s="17">
        <v>1503</v>
      </c>
      <c r="F93" s="17" t="s">
        <v>192</v>
      </c>
      <c r="G93" s="17" t="s">
        <v>6381</v>
      </c>
      <c r="H93" s="17" t="s">
        <v>184</v>
      </c>
      <c r="I93" s="17" t="s">
        <v>4190</v>
      </c>
      <c r="J93" s="18"/>
      <c r="K93" s="19"/>
      <c r="L93" s="17" t="s">
        <v>1936</v>
      </c>
      <c r="M93" s="17" t="s">
        <v>3184</v>
      </c>
      <c r="N93" s="16" t="s">
        <v>9499</v>
      </c>
      <c r="O93" s="21">
        <v>1976</v>
      </c>
      <c r="P93" s="19">
        <v>1</v>
      </c>
      <c r="Q93" s="22"/>
      <c r="R93" s="23">
        <v>45065</v>
      </c>
    </row>
    <row r="94" spans="1:18" ht="14.25" customHeight="1" x14ac:dyDescent="0.2">
      <c r="A94" s="15" t="s">
        <v>7892</v>
      </c>
      <c r="B94" s="10" t="s">
        <v>1806</v>
      </c>
      <c r="C94" s="16">
        <v>1</v>
      </c>
      <c r="D94" s="17">
        <v>511</v>
      </c>
      <c r="E94" s="17">
        <v>1503</v>
      </c>
      <c r="F94" s="17" t="s">
        <v>193</v>
      </c>
      <c r="G94" s="17" t="s">
        <v>6382</v>
      </c>
      <c r="H94" s="17" t="s">
        <v>184</v>
      </c>
      <c r="I94" s="17" t="s">
        <v>4191</v>
      </c>
      <c r="J94" s="18"/>
      <c r="K94" s="19"/>
      <c r="L94" s="17" t="s">
        <v>1937</v>
      </c>
      <c r="M94" s="17" t="s">
        <v>3185</v>
      </c>
      <c r="N94" s="16" t="s">
        <v>9500</v>
      </c>
      <c r="O94" s="21">
        <v>1979</v>
      </c>
      <c r="P94" s="19">
        <v>1</v>
      </c>
      <c r="Q94" s="22"/>
      <c r="R94" s="23">
        <v>45065</v>
      </c>
    </row>
    <row r="95" spans="1:18" ht="14.25" customHeight="1" x14ac:dyDescent="0.2">
      <c r="A95" s="15" t="s">
        <v>7893</v>
      </c>
      <c r="B95" s="10" t="s">
        <v>1806</v>
      </c>
      <c r="C95" s="16">
        <v>1</v>
      </c>
      <c r="D95" s="17">
        <v>511</v>
      </c>
      <c r="E95" s="17">
        <v>1503</v>
      </c>
      <c r="F95" s="17" t="s">
        <v>194</v>
      </c>
      <c r="G95" s="17" t="s">
        <v>6383</v>
      </c>
      <c r="H95" s="17" t="s">
        <v>195</v>
      </c>
      <c r="I95" s="17" t="s">
        <v>4192</v>
      </c>
      <c r="J95" s="18"/>
      <c r="K95" s="19"/>
      <c r="L95" s="17" t="s">
        <v>1938</v>
      </c>
      <c r="M95" s="17" t="s">
        <v>3186</v>
      </c>
      <c r="N95" s="16" t="s">
        <v>9501</v>
      </c>
      <c r="O95" s="21">
        <v>1981</v>
      </c>
      <c r="P95" s="19">
        <v>1</v>
      </c>
      <c r="Q95" s="22"/>
      <c r="R95" s="23">
        <v>45065</v>
      </c>
    </row>
    <row r="96" spans="1:18" ht="14.25" customHeight="1" x14ac:dyDescent="0.2">
      <c r="A96" s="15" t="s">
        <v>7894</v>
      </c>
      <c r="B96" s="10" t="s">
        <v>1806</v>
      </c>
      <c r="C96" s="16">
        <v>1</v>
      </c>
      <c r="D96" s="17">
        <v>511</v>
      </c>
      <c r="E96" s="17">
        <v>1503</v>
      </c>
      <c r="F96" s="17" t="s">
        <v>196</v>
      </c>
      <c r="G96" s="17" t="s">
        <v>6384</v>
      </c>
      <c r="H96" s="17" t="s">
        <v>184</v>
      </c>
      <c r="I96" s="17" t="s">
        <v>4193</v>
      </c>
      <c r="J96" s="18"/>
      <c r="K96" s="19"/>
      <c r="L96" s="17" t="s">
        <v>1939</v>
      </c>
      <c r="M96" s="17" t="s">
        <v>3187</v>
      </c>
      <c r="N96" s="16" t="s">
        <v>9502</v>
      </c>
      <c r="O96" s="21">
        <v>1983</v>
      </c>
      <c r="P96" s="19">
        <v>1</v>
      </c>
      <c r="Q96" s="22"/>
      <c r="R96" s="23">
        <v>45065</v>
      </c>
    </row>
    <row r="97" spans="1:18" ht="14.25" customHeight="1" x14ac:dyDescent="0.2">
      <c r="A97" s="15" t="s">
        <v>7895</v>
      </c>
      <c r="B97" s="10" t="s">
        <v>1806</v>
      </c>
      <c r="C97" s="16">
        <v>1</v>
      </c>
      <c r="D97" s="17">
        <v>511</v>
      </c>
      <c r="E97" s="17">
        <v>1503</v>
      </c>
      <c r="F97" s="17" t="s">
        <v>197</v>
      </c>
      <c r="G97" s="17" t="s">
        <v>6385</v>
      </c>
      <c r="H97" s="17" t="s">
        <v>188</v>
      </c>
      <c r="I97" s="17" t="s">
        <v>4194</v>
      </c>
      <c r="J97" s="18"/>
      <c r="K97" s="19"/>
      <c r="L97" s="17" t="s">
        <v>1940</v>
      </c>
      <c r="M97" s="17" t="s">
        <v>3188</v>
      </c>
      <c r="N97" s="16" t="s">
        <v>9503</v>
      </c>
      <c r="O97" s="21">
        <v>2008</v>
      </c>
      <c r="P97" s="19">
        <v>1</v>
      </c>
      <c r="Q97" s="22"/>
      <c r="R97" s="23">
        <v>45065</v>
      </c>
    </row>
    <row r="98" spans="1:18" ht="14.25" customHeight="1" x14ac:dyDescent="0.2">
      <c r="A98" s="15" t="s">
        <v>7896</v>
      </c>
      <c r="B98" s="10" t="s">
        <v>1806</v>
      </c>
      <c r="C98" s="16">
        <v>1</v>
      </c>
      <c r="D98" s="17">
        <v>511</v>
      </c>
      <c r="E98" s="17">
        <v>1503</v>
      </c>
      <c r="F98" s="17" t="s">
        <v>198</v>
      </c>
      <c r="G98" s="17" t="s">
        <v>6386</v>
      </c>
      <c r="H98" s="17" t="s">
        <v>199</v>
      </c>
      <c r="I98" s="17" t="s">
        <v>4195</v>
      </c>
      <c r="J98" s="18"/>
      <c r="K98" s="19"/>
      <c r="L98" s="17" t="s">
        <v>1941</v>
      </c>
      <c r="M98" s="17" t="s">
        <v>3189</v>
      </c>
      <c r="N98" s="16" t="s">
        <v>9504</v>
      </c>
      <c r="O98" s="21">
        <v>1873</v>
      </c>
      <c r="P98" s="19">
        <v>1</v>
      </c>
      <c r="Q98" s="22"/>
      <c r="R98" s="23">
        <v>45065</v>
      </c>
    </row>
    <row r="99" spans="1:18" ht="14.25" customHeight="1" x14ac:dyDescent="0.2">
      <c r="A99" s="15" t="s">
        <v>7897</v>
      </c>
      <c r="B99" s="10" t="s">
        <v>1806</v>
      </c>
      <c r="C99" s="16">
        <v>1</v>
      </c>
      <c r="D99" s="17">
        <v>511</v>
      </c>
      <c r="E99" s="17">
        <v>1503</v>
      </c>
      <c r="F99" s="17" t="s">
        <v>200</v>
      </c>
      <c r="G99" s="17" t="s">
        <v>6387</v>
      </c>
      <c r="H99" s="17" t="s">
        <v>201</v>
      </c>
      <c r="I99" s="17" t="s">
        <v>4196</v>
      </c>
      <c r="J99" s="18"/>
      <c r="K99" s="19"/>
      <c r="L99" s="17" t="s">
        <v>1942</v>
      </c>
      <c r="M99" s="17" t="s">
        <v>3190</v>
      </c>
      <c r="N99" s="16" t="s">
        <v>9505</v>
      </c>
      <c r="O99" s="21">
        <v>1873</v>
      </c>
      <c r="P99" s="19">
        <v>1</v>
      </c>
      <c r="Q99" s="22"/>
      <c r="R99" s="23">
        <v>45065</v>
      </c>
    </row>
    <row r="100" spans="1:18" ht="14.25" customHeight="1" x14ac:dyDescent="0.2">
      <c r="A100" s="15" t="s">
        <v>7898</v>
      </c>
      <c r="B100" s="10" t="s">
        <v>1806</v>
      </c>
      <c r="C100" s="16">
        <v>1</v>
      </c>
      <c r="D100" s="17">
        <v>511</v>
      </c>
      <c r="E100" s="17">
        <v>1503</v>
      </c>
      <c r="F100" s="17" t="s">
        <v>202</v>
      </c>
      <c r="G100" s="17" t="s">
        <v>6388</v>
      </c>
      <c r="H100" s="17" t="s">
        <v>203</v>
      </c>
      <c r="I100" s="17" t="s">
        <v>4197</v>
      </c>
      <c r="J100" s="18"/>
      <c r="K100" s="19"/>
      <c r="L100" s="17" t="s">
        <v>1943</v>
      </c>
      <c r="M100" s="17" t="s">
        <v>3191</v>
      </c>
      <c r="N100" s="16" t="s">
        <v>9506</v>
      </c>
      <c r="O100" s="21">
        <v>1875</v>
      </c>
      <c r="P100" s="19">
        <v>1</v>
      </c>
      <c r="Q100" s="22"/>
      <c r="R100" s="23">
        <v>45065</v>
      </c>
    </row>
    <row r="101" spans="1:18" ht="14.25" customHeight="1" x14ac:dyDescent="0.2">
      <c r="A101" s="15" t="s">
        <v>7899</v>
      </c>
      <c r="B101" s="10" t="s">
        <v>1806</v>
      </c>
      <c r="C101" s="16">
        <v>1</v>
      </c>
      <c r="D101" s="17">
        <v>511</v>
      </c>
      <c r="E101" s="17">
        <v>1503</v>
      </c>
      <c r="F101" s="17" t="s">
        <v>204</v>
      </c>
      <c r="G101" s="17" t="s">
        <v>6389</v>
      </c>
      <c r="H101" s="17" t="s">
        <v>205</v>
      </c>
      <c r="I101" s="17" t="s">
        <v>4198</v>
      </c>
      <c r="J101" s="18"/>
      <c r="K101" s="19"/>
      <c r="L101" s="17" t="s">
        <v>1944</v>
      </c>
      <c r="M101" s="17" t="s">
        <v>3192</v>
      </c>
      <c r="N101" s="16" t="s">
        <v>9507</v>
      </c>
      <c r="O101" s="21">
        <v>1880</v>
      </c>
      <c r="P101" s="19">
        <v>1</v>
      </c>
      <c r="Q101" s="22"/>
      <c r="R101" s="23">
        <v>45065</v>
      </c>
    </row>
    <row r="102" spans="1:18" ht="14.25" customHeight="1" x14ac:dyDescent="0.2">
      <c r="A102" s="15" t="s">
        <v>7900</v>
      </c>
      <c r="B102" s="10" t="s">
        <v>1806</v>
      </c>
      <c r="C102" s="16">
        <v>1</v>
      </c>
      <c r="D102" s="17">
        <v>511</v>
      </c>
      <c r="E102" s="17">
        <v>1503</v>
      </c>
      <c r="F102" s="17" t="s">
        <v>206</v>
      </c>
      <c r="G102" s="17" t="s">
        <v>6390</v>
      </c>
      <c r="H102" s="17" t="s">
        <v>207</v>
      </c>
      <c r="I102" s="17" t="s">
        <v>4199</v>
      </c>
      <c r="J102" s="18"/>
      <c r="K102" s="19"/>
      <c r="L102" s="17" t="s">
        <v>1945</v>
      </c>
      <c r="M102" s="17" t="s">
        <v>3193</v>
      </c>
      <c r="N102" s="16" t="s">
        <v>9508</v>
      </c>
      <c r="O102" s="21">
        <v>1910</v>
      </c>
      <c r="P102" s="19">
        <v>1</v>
      </c>
      <c r="Q102" s="22"/>
      <c r="R102" s="23">
        <v>45065</v>
      </c>
    </row>
    <row r="103" spans="1:18" ht="14.25" customHeight="1" x14ac:dyDescent="0.2">
      <c r="A103" s="15" t="s">
        <v>7901</v>
      </c>
      <c r="B103" s="10" t="s">
        <v>1806</v>
      </c>
      <c r="C103" s="16">
        <v>1</v>
      </c>
      <c r="D103" s="17">
        <v>511</v>
      </c>
      <c r="E103" s="17">
        <v>1503</v>
      </c>
      <c r="F103" s="17" t="s">
        <v>208</v>
      </c>
      <c r="G103" s="17" t="s">
        <v>6391</v>
      </c>
      <c r="H103" s="17" t="s">
        <v>209</v>
      </c>
      <c r="I103" s="17" t="s">
        <v>4200</v>
      </c>
      <c r="J103" s="18"/>
      <c r="K103" s="19"/>
      <c r="L103" s="17" t="s">
        <v>1946</v>
      </c>
      <c r="M103" s="17" t="s">
        <v>3194</v>
      </c>
      <c r="N103" s="16" t="s">
        <v>9509</v>
      </c>
      <c r="O103" s="21">
        <v>1923</v>
      </c>
      <c r="P103" s="19">
        <v>1</v>
      </c>
      <c r="Q103" s="22"/>
      <c r="R103" s="23">
        <v>45065</v>
      </c>
    </row>
    <row r="104" spans="1:18" ht="14.25" customHeight="1" x14ac:dyDescent="0.2">
      <c r="A104" s="15" t="s">
        <v>7902</v>
      </c>
      <c r="B104" s="10" t="s">
        <v>1806</v>
      </c>
      <c r="C104" s="16">
        <v>1</v>
      </c>
      <c r="D104" s="17">
        <v>511</v>
      </c>
      <c r="E104" s="17">
        <v>1503</v>
      </c>
      <c r="F104" s="17" t="s">
        <v>210</v>
      </c>
      <c r="G104" s="17" t="s">
        <v>6392</v>
      </c>
      <c r="H104" s="17" t="s">
        <v>211</v>
      </c>
      <c r="I104" s="17" t="s">
        <v>4201</v>
      </c>
      <c r="J104" s="18"/>
      <c r="K104" s="19"/>
      <c r="L104" s="17" t="s">
        <v>1947</v>
      </c>
      <c r="M104" s="17" t="s">
        <v>3195</v>
      </c>
      <c r="N104" s="16" t="s">
        <v>9510</v>
      </c>
      <c r="O104" s="21">
        <v>1930</v>
      </c>
      <c r="P104" s="19">
        <v>1</v>
      </c>
      <c r="Q104" s="22"/>
      <c r="R104" s="23">
        <v>45065</v>
      </c>
    </row>
    <row r="105" spans="1:18" ht="14.25" customHeight="1" x14ac:dyDescent="0.2">
      <c r="A105" s="15" t="s">
        <v>7903</v>
      </c>
      <c r="B105" s="10" t="s">
        <v>1806</v>
      </c>
      <c r="C105" s="16">
        <v>1</v>
      </c>
      <c r="D105" s="17">
        <v>511</v>
      </c>
      <c r="E105" s="17">
        <v>1503</v>
      </c>
      <c r="F105" s="17" t="s">
        <v>212</v>
      </c>
      <c r="G105" s="17" t="s">
        <v>6393</v>
      </c>
      <c r="H105" s="17" t="s">
        <v>213</v>
      </c>
      <c r="I105" s="17" t="s">
        <v>4202</v>
      </c>
      <c r="J105" s="18"/>
      <c r="K105" s="19"/>
      <c r="L105" s="17" t="s">
        <v>1948</v>
      </c>
      <c r="M105" s="17" t="s">
        <v>3196</v>
      </c>
      <c r="N105" s="16" t="s">
        <v>9511</v>
      </c>
      <c r="O105" s="21">
        <v>1953</v>
      </c>
      <c r="P105" s="19">
        <v>1</v>
      </c>
      <c r="Q105" s="22"/>
      <c r="R105" s="23">
        <v>45065</v>
      </c>
    </row>
    <row r="106" spans="1:18" ht="14.25" customHeight="1" x14ac:dyDescent="0.2">
      <c r="A106" s="15" t="s">
        <v>7904</v>
      </c>
      <c r="B106" s="10" t="s">
        <v>1806</v>
      </c>
      <c r="C106" s="16">
        <v>1</v>
      </c>
      <c r="D106" s="17">
        <v>511</v>
      </c>
      <c r="E106" s="17">
        <v>1503</v>
      </c>
      <c r="F106" s="17" t="s">
        <v>214</v>
      </c>
      <c r="G106" s="17" t="s">
        <v>6394</v>
      </c>
      <c r="H106" s="17" t="s">
        <v>215</v>
      </c>
      <c r="I106" s="17" t="s">
        <v>5170</v>
      </c>
      <c r="J106" s="18"/>
      <c r="K106" s="19"/>
      <c r="L106" s="17" t="s">
        <v>1949</v>
      </c>
      <c r="M106" s="17" t="s">
        <v>3197</v>
      </c>
      <c r="N106" s="16" t="s">
        <v>9512</v>
      </c>
      <c r="O106" s="21">
        <v>1955</v>
      </c>
      <c r="P106" s="19">
        <v>1</v>
      </c>
      <c r="Q106" s="22"/>
      <c r="R106" s="23">
        <v>45065</v>
      </c>
    </row>
    <row r="107" spans="1:18" ht="14.25" customHeight="1" x14ac:dyDescent="0.2">
      <c r="A107" s="15" t="s">
        <v>7905</v>
      </c>
      <c r="B107" s="10" t="s">
        <v>1806</v>
      </c>
      <c r="C107" s="16">
        <v>1</v>
      </c>
      <c r="D107" s="17">
        <v>511</v>
      </c>
      <c r="E107" s="17">
        <v>1503</v>
      </c>
      <c r="F107" s="17" t="s">
        <v>216</v>
      </c>
      <c r="G107" s="17" t="s">
        <v>6395</v>
      </c>
      <c r="H107" s="17" t="s">
        <v>217</v>
      </c>
      <c r="I107" s="17" t="s">
        <v>4203</v>
      </c>
      <c r="J107" s="18"/>
      <c r="K107" s="19"/>
      <c r="L107" s="17" t="s">
        <v>1950</v>
      </c>
      <c r="M107" s="17" t="s">
        <v>3198</v>
      </c>
      <c r="N107" s="16" t="s">
        <v>9513</v>
      </c>
      <c r="O107" s="21">
        <v>1960</v>
      </c>
      <c r="P107" s="19">
        <v>1</v>
      </c>
      <c r="Q107" s="22"/>
      <c r="R107" s="23">
        <v>45065</v>
      </c>
    </row>
    <row r="108" spans="1:18" ht="14.25" customHeight="1" x14ac:dyDescent="0.2">
      <c r="A108" s="15" t="s">
        <v>7906</v>
      </c>
      <c r="B108" s="10" t="s">
        <v>1806</v>
      </c>
      <c r="C108" s="16">
        <v>1</v>
      </c>
      <c r="D108" s="17">
        <v>511</v>
      </c>
      <c r="E108" s="17">
        <v>1503</v>
      </c>
      <c r="F108" s="17" t="s">
        <v>219</v>
      </c>
      <c r="G108" s="17" t="s">
        <v>6396</v>
      </c>
      <c r="H108" s="17" t="s">
        <v>220</v>
      </c>
      <c r="I108" s="17" t="s">
        <v>4204</v>
      </c>
      <c r="J108" s="18"/>
      <c r="K108" s="19"/>
      <c r="L108" s="27" t="s">
        <v>1951</v>
      </c>
      <c r="M108" s="17" t="s">
        <v>3199</v>
      </c>
      <c r="N108" s="16" t="s">
        <v>9514</v>
      </c>
      <c r="O108" s="21">
        <v>1963</v>
      </c>
      <c r="P108" s="19">
        <v>1</v>
      </c>
      <c r="Q108" s="22"/>
      <c r="R108" s="23">
        <v>45065</v>
      </c>
    </row>
    <row r="109" spans="1:18" ht="14.25" customHeight="1" x14ac:dyDescent="0.2">
      <c r="A109" s="15" t="s">
        <v>7907</v>
      </c>
      <c r="B109" s="10" t="s">
        <v>1806</v>
      </c>
      <c r="C109" s="16">
        <v>1</v>
      </c>
      <c r="D109" s="17">
        <v>511</v>
      </c>
      <c r="E109" s="17">
        <v>1503</v>
      </c>
      <c r="F109" s="17" t="s">
        <v>221</v>
      </c>
      <c r="G109" s="17" t="s">
        <v>6397</v>
      </c>
      <c r="H109" s="17" t="s">
        <v>222</v>
      </c>
      <c r="I109" s="17" t="s">
        <v>4205</v>
      </c>
      <c r="J109" s="18"/>
      <c r="K109" s="19"/>
      <c r="L109" s="17" t="s">
        <v>1952</v>
      </c>
      <c r="M109" s="17" t="s">
        <v>3200</v>
      </c>
      <c r="N109" s="16" t="s">
        <v>9515</v>
      </c>
      <c r="O109" s="21">
        <v>1965</v>
      </c>
      <c r="P109" s="19">
        <v>1</v>
      </c>
      <c r="Q109" s="22"/>
      <c r="R109" s="23">
        <v>45065</v>
      </c>
    </row>
    <row r="110" spans="1:18" ht="14.25" customHeight="1" x14ac:dyDescent="0.2">
      <c r="A110" s="15" t="s">
        <v>7908</v>
      </c>
      <c r="B110" s="10" t="s">
        <v>1806</v>
      </c>
      <c r="C110" s="16">
        <v>1</v>
      </c>
      <c r="D110" s="17">
        <v>511</v>
      </c>
      <c r="E110" s="17">
        <v>1503</v>
      </c>
      <c r="F110" s="17" t="s">
        <v>223</v>
      </c>
      <c r="G110" s="17" t="s">
        <v>6398</v>
      </c>
      <c r="H110" s="17" t="s">
        <v>224</v>
      </c>
      <c r="I110" s="17" t="s">
        <v>4206</v>
      </c>
      <c r="J110" s="18"/>
      <c r="K110" s="19"/>
      <c r="L110" s="17" t="s">
        <v>1953</v>
      </c>
      <c r="M110" s="17" t="s">
        <v>3201</v>
      </c>
      <c r="N110" s="16" t="s">
        <v>9516</v>
      </c>
      <c r="O110" s="21">
        <v>1967</v>
      </c>
      <c r="P110" s="19">
        <v>1</v>
      </c>
      <c r="Q110" s="22"/>
      <c r="R110" s="23">
        <v>45065</v>
      </c>
    </row>
    <row r="111" spans="1:18" ht="14.25" customHeight="1" x14ac:dyDescent="0.2">
      <c r="A111" s="15" t="s">
        <v>7909</v>
      </c>
      <c r="B111" s="10" t="s">
        <v>1806</v>
      </c>
      <c r="C111" s="16">
        <v>1</v>
      </c>
      <c r="D111" s="17">
        <v>511</v>
      </c>
      <c r="E111" s="17">
        <v>1503</v>
      </c>
      <c r="F111" s="17" t="s">
        <v>9517</v>
      </c>
      <c r="G111" s="17" t="s">
        <v>6399</v>
      </c>
      <c r="H111" s="17" t="s">
        <v>218</v>
      </c>
      <c r="I111" s="17" t="s">
        <v>4207</v>
      </c>
      <c r="J111" s="18"/>
      <c r="K111" s="19"/>
      <c r="L111" s="17" t="s">
        <v>1954</v>
      </c>
      <c r="M111" s="17" t="s">
        <v>3202</v>
      </c>
      <c r="N111" s="16" t="s">
        <v>9518</v>
      </c>
      <c r="O111" s="21">
        <v>1969</v>
      </c>
      <c r="P111" s="19">
        <v>1</v>
      </c>
      <c r="Q111" s="22"/>
      <c r="R111" s="23">
        <v>45065</v>
      </c>
    </row>
    <row r="112" spans="1:18" ht="14.25" customHeight="1" x14ac:dyDescent="0.2">
      <c r="A112" s="15" t="s">
        <v>7910</v>
      </c>
      <c r="B112" s="10" t="s">
        <v>1806</v>
      </c>
      <c r="C112" s="16">
        <v>1</v>
      </c>
      <c r="D112" s="17">
        <v>511</v>
      </c>
      <c r="E112" s="17">
        <v>1503</v>
      </c>
      <c r="F112" s="17" t="s">
        <v>1483</v>
      </c>
      <c r="G112" s="17" t="s">
        <v>10505</v>
      </c>
      <c r="H112" s="17" t="s">
        <v>225</v>
      </c>
      <c r="I112" s="27" t="s">
        <v>10651</v>
      </c>
      <c r="J112" s="18"/>
      <c r="K112" s="19"/>
      <c r="L112" s="17" t="s">
        <v>1955</v>
      </c>
      <c r="M112" s="17" t="s">
        <v>9519</v>
      </c>
      <c r="N112" s="16"/>
      <c r="O112" s="21">
        <v>2011</v>
      </c>
      <c r="P112" s="19">
        <v>1</v>
      </c>
      <c r="Q112" s="22"/>
      <c r="R112" s="23">
        <v>45065</v>
      </c>
    </row>
    <row r="113" spans="1:18" ht="14.25" customHeight="1" x14ac:dyDescent="0.2">
      <c r="A113" s="15" t="s">
        <v>7911</v>
      </c>
      <c r="B113" s="10" t="s">
        <v>1806</v>
      </c>
      <c r="C113" s="16">
        <v>1</v>
      </c>
      <c r="D113" s="17">
        <v>511</v>
      </c>
      <c r="E113" s="17">
        <v>1503</v>
      </c>
      <c r="F113" s="17" t="s">
        <v>226</v>
      </c>
      <c r="G113" s="17" t="s">
        <v>6400</v>
      </c>
      <c r="H113" s="17" t="s">
        <v>227</v>
      </c>
      <c r="I113" s="17" t="s">
        <v>4208</v>
      </c>
      <c r="J113" s="18"/>
      <c r="K113" s="19"/>
      <c r="L113" s="17" t="s">
        <v>1956</v>
      </c>
      <c r="M113" s="17" t="s">
        <v>3203</v>
      </c>
      <c r="N113" s="16" t="s">
        <v>9520</v>
      </c>
      <c r="O113" s="21">
        <v>1972</v>
      </c>
      <c r="P113" s="19">
        <v>1</v>
      </c>
      <c r="Q113" s="22"/>
      <c r="R113" s="23">
        <v>45065</v>
      </c>
    </row>
    <row r="114" spans="1:18" ht="14.25" customHeight="1" x14ac:dyDescent="0.2">
      <c r="A114" s="15" t="s">
        <v>7912</v>
      </c>
      <c r="B114" s="10" t="s">
        <v>1806</v>
      </c>
      <c r="C114" s="16">
        <v>1</v>
      </c>
      <c r="D114" s="17">
        <v>511</v>
      </c>
      <c r="E114" s="17">
        <v>1503</v>
      </c>
      <c r="F114" s="17" t="s">
        <v>228</v>
      </c>
      <c r="G114" s="17" t="s">
        <v>6401</v>
      </c>
      <c r="H114" s="17" t="s">
        <v>229</v>
      </c>
      <c r="I114" s="17" t="s">
        <v>5171</v>
      </c>
      <c r="J114" s="18"/>
      <c r="K114" s="19"/>
      <c r="L114" s="17" t="s">
        <v>1957</v>
      </c>
      <c r="M114" s="17" t="s">
        <v>3204</v>
      </c>
      <c r="N114" s="16" t="s">
        <v>9521</v>
      </c>
      <c r="O114" s="21">
        <v>1975</v>
      </c>
      <c r="P114" s="19">
        <v>1</v>
      </c>
      <c r="Q114" s="22"/>
      <c r="R114" s="23">
        <v>45065</v>
      </c>
    </row>
    <row r="115" spans="1:18" ht="14.25" customHeight="1" x14ac:dyDescent="0.2">
      <c r="A115" s="15" t="s">
        <v>7913</v>
      </c>
      <c r="B115" s="10" t="s">
        <v>1806</v>
      </c>
      <c r="C115" s="16">
        <v>1</v>
      </c>
      <c r="D115" s="17">
        <v>511</v>
      </c>
      <c r="E115" s="17">
        <v>1503</v>
      </c>
      <c r="F115" s="17" t="s">
        <v>230</v>
      </c>
      <c r="G115" s="17" t="s">
        <v>6402</v>
      </c>
      <c r="H115" s="17" t="s">
        <v>231</v>
      </c>
      <c r="I115" s="17" t="s">
        <v>5172</v>
      </c>
      <c r="J115" s="18"/>
      <c r="K115" s="19"/>
      <c r="L115" s="17" t="s">
        <v>1958</v>
      </c>
      <c r="M115" s="17" t="s">
        <v>3205</v>
      </c>
      <c r="N115" s="16" t="s">
        <v>9522</v>
      </c>
      <c r="O115" s="21">
        <v>1975</v>
      </c>
      <c r="P115" s="19">
        <v>1</v>
      </c>
      <c r="Q115" s="22"/>
      <c r="R115" s="23">
        <v>45065</v>
      </c>
    </row>
    <row r="116" spans="1:18" ht="14.25" customHeight="1" x14ac:dyDescent="0.2">
      <c r="A116" s="15" t="s">
        <v>7914</v>
      </c>
      <c r="B116" s="10" t="s">
        <v>1806</v>
      </c>
      <c r="C116" s="16">
        <v>1</v>
      </c>
      <c r="D116" s="17">
        <v>511</v>
      </c>
      <c r="E116" s="17">
        <v>1503</v>
      </c>
      <c r="F116" s="17" t="s">
        <v>232</v>
      </c>
      <c r="G116" s="17" t="s">
        <v>6403</v>
      </c>
      <c r="H116" s="17" t="s">
        <v>233</v>
      </c>
      <c r="I116" s="17" t="s">
        <v>4209</v>
      </c>
      <c r="J116" s="18"/>
      <c r="K116" s="19"/>
      <c r="L116" s="17" t="s">
        <v>1959</v>
      </c>
      <c r="M116" s="17" t="s">
        <v>3206</v>
      </c>
      <c r="N116" s="16" t="s">
        <v>9523</v>
      </c>
      <c r="O116" s="21">
        <v>1979</v>
      </c>
      <c r="P116" s="19">
        <v>1</v>
      </c>
      <c r="Q116" s="22"/>
      <c r="R116" s="23">
        <v>45065</v>
      </c>
    </row>
    <row r="117" spans="1:18" ht="14.25" customHeight="1" x14ac:dyDescent="0.2">
      <c r="A117" s="15" t="s">
        <v>7915</v>
      </c>
      <c r="B117" s="10" t="s">
        <v>1806</v>
      </c>
      <c r="C117" s="16">
        <v>1</v>
      </c>
      <c r="D117" s="17">
        <v>511</v>
      </c>
      <c r="E117" s="17">
        <v>1503</v>
      </c>
      <c r="F117" s="17" t="s">
        <v>234</v>
      </c>
      <c r="G117" s="17" t="s">
        <v>6404</v>
      </c>
      <c r="H117" s="17" t="s">
        <v>235</v>
      </c>
      <c r="I117" s="17" t="s">
        <v>4210</v>
      </c>
      <c r="J117" s="18"/>
      <c r="K117" s="19"/>
      <c r="L117" s="25" t="s">
        <v>1960</v>
      </c>
      <c r="M117" s="17" t="s">
        <v>3207</v>
      </c>
      <c r="N117" s="16" t="s">
        <v>9524</v>
      </c>
      <c r="O117" s="21">
        <v>1873</v>
      </c>
      <c r="P117" s="19">
        <v>1</v>
      </c>
      <c r="Q117" s="22"/>
      <c r="R117" s="23">
        <v>45065</v>
      </c>
    </row>
    <row r="118" spans="1:18" ht="14.25" customHeight="1" x14ac:dyDescent="0.2">
      <c r="A118" s="15" t="s">
        <v>7916</v>
      </c>
      <c r="B118" s="10" t="s">
        <v>1806</v>
      </c>
      <c r="C118" s="16">
        <v>1</v>
      </c>
      <c r="D118" s="17">
        <v>511</v>
      </c>
      <c r="E118" s="17">
        <v>1503</v>
      </c>
      <c r="F118" s="17" t="s">
        <v>236</v>
      </c>
      <c r="G118" s="17" t="s">
        <v>6405</v>
      </c>
      <c r="H118" s="17" t="s">
        <v>237</v>
      </c>
      <c r="I118" s="17" t="s">
        <v>4211</v>
      </c>
      <c r="J118" s="18"/>
      <c r="K118" s="19"/>
      <c r="L118" s="25" t="s">
        <v>1961</v>
      </c>
      <c r="M118" s="17" t="s">
        <v>3208</v>
      </c>
      <c r="N118" s="16" t="s">
        <v>9525</v>
      </c>
      <c r="O118" s="21">
        <v>1873</v>
      </c>
      <c r="P118" s="19">
        <v>1</v>
      </c>
      <c r="Q118" s="22"/>
      <c r="R118" s="23">
        <v>45065</v>
      </c>
    </row>
    <row r="119" spans="1:18" ht="14.25" customHeight="1" x14ac:dyDescent="0.2">
      <c r="A119" s="15" t="s">
        <v>7917</v>
      </c>
      <c r="B119" s="10" t="s">
        <v>1806</v>
      </c>
      <c r="C119" s="16">
        <v>1</v>
      </c>
      <c r="D119" s="17">
        <v>511</v>
      </c>
      <c r="E119" s="17">
        <v>1503</v>
      </c>
      <c r="F119" s="17" t="s">
        <v>238</v>
      </c>
      <c r="G119" s="17" t="s">
        <v>6406</v>
      </c>
      <c r="H119" s="17" t="s">
        <v>239</v>
      </c>
      <c r="I119" s="17" t="s">
        <v>4212</v>
      </c>
      <c r="J119" s="18"/>
      <c r="K119" s="19"/>
      <c r="L119" s="25" t="s">
        <v>1962</v>
      </c>
      <c r="M119" s="17" t="s">
        <v>3209</v>
      </c>
      <c r="N119" s="16" t="s">
        <v>9526</v>
      </c>
      <c r="O119" s="21">
        <v>1880</v>
      </c>
      <c r="P119" s="19">
        <v>1</v>
      </c>
      <c r="Q119" s="22"/>
      <c r="R119" s="23">
        <v>45065</v>
      </c>
    </row>
    <row r="120" spans="1:18" ht="14.25" customHeight="1" x14ac:dyDescent="0.2">
      <c r="A120" s="15" t="s">
        <v>7918</v>
      </c>
      <c r="B120" s="10" t="s">
        <v>1806</v>
      </c>
      <c r="C120" s="16">
        <v>1</v>
      </c>
      <c r="D120" s="17">
        <v>511</v>
      </c>
      <c r="E120" s="17">
        <v>1503</v>
      </c>
      <c r="F120" s="17" t="s">
        <v>240</v>
      </c>
      <c r="G120" s="17" t="s">
        <v>6407</v>
      </c>
      <c r="H120" s="17" t="s">
        <v>241</v>
      </c>
      <c r="I120" s="17" t="s">
        <v>4213</v>
      </c>
      <c r="J120" s="18"/>
      <c r="K120" s="19"/>
      <c r="L120" s="25" t="s">
        <v>1963</v>
      </c>
      <c r="M120" s="17" t="s">
        <v>3210</v>
      </c>
      <c r="N120" s="16" t="s">
        <v>9527</v>
      </c>
      <c r="O120" s="21">
        <v>1873</v>
      </c>
      <c r="P120" s="19">
        <v>1</v>
      </c>
      <c r="Q120" s="22"/>
      <c r="R120" s="23">
        <v>45065</v>
      </c>
    </row>
    <row r="121" spans="1:18" ht="14.25" customHeight="1" x14ac:dyDescent="0.2">
      <c r="A121" s="15" t="s">
        <v>7919</v>
      </c>
      <c r="B121" s="10" t="s">
        <v>1806</v>
      </c>
      <c r="C121" s="16">
        <v>1</v>
      </c>
      <c r="D121" s="17">
        <v>511</v>
      </c>
      <c r="E121" s="17">
        <v>1503</v>
      </c>
      <c r="F121" s="17" t="s">
        <v>242</v>
      </c>
      <c r="G121" s="17" t="s">
        <v>6408</v>
      </c>
      <c r="H121" s="17" t="s">
        <v>243</v>
      </c>
      <c r="I121" s="17" t="s">
        <v>4214</v>
      </c>
      <c r="J121" s="18"/>
      <c r="K121" s="19"/>
      <c r="L121" s="25" t="s">
        <v>1964</v>
      </c>
      <c r="M121" s="17" t="s">
        <v>3211</v>
      </c>
      <c r="N121" s="16" t="s">
        <v>9528</v>
      </c>
      <c r="O121" s="21">
        <v>1957</v>
      </c>
      <c r="P121" s="19">
        <v>1</v>
      </c>
      <c r="Q121" s="22"/>
      <c r="R121" s="23">
        <v>45065</v>
      </c>
    </row>
    <row r="122" spans="1:18" ht="14.25" customHeight="1" x14ac:dyDescent="0.2">
      <c r="A122" s="15" t="s">
        <v>7920</v>
      </c>
      <c r="B122" s="10" t="s">
        <v>1806</v>
      </c>
      <c r="C122" s="16">
        <v>1</v>
      </c>
      <c r="D122" s="17">
        <v>511</v>
      </c>
      <c r="E122" s="17">
        <v>1503</v>
      </c>
      <c r="F122" s="17" t="s">
        <v>244</v>
      </c>
      <c r="G122" s="17" t="s">
        <v>6409</v>
      </c>
      <c r="H122" s="17" t="s">
        <v>245</v>
      </c>
      <c r="I122" s="17" t="s">
        <v>4215</v>
      </c>
      <c r="J122" s="18"/>
      <c r="K122" s="19"/>
      <c r="L122" s="25" t="s">
        <v>1965</v>
      </c>
      <c r="M122" s="17" t="s">
        <v>3212</v>
      </c>
      <c r="N122" s="16" t="s">
        <v>9529</v>
      </c>
      <c r="O122" s="21">
        <v>1958</v>
      </c>
      <c r="P122" s="19">
        <v>1</v>
      </c>
      <c r="Q122" s="22"/>
      <c r="R122" s="23">
        <v>45065</v>
      </c>
    </row>
    <row r="123" spans="1:18" ht="14.25" customHeight="1" x14ac:dyDescent="0.2">
      <c r="A123" s="15" t="s">
        <v>7921</v>
      </c>
      <c r="B123" s="10" t="s">
        <v>1806</v>
      </c>
      <c r="C123" s="16">
        <v>1</v>
      </c>
      <c r="D123" s="17">
        <v>511</v>
      </c>
      <c r="E123" s="17">
        <v>1503</v>
      </c>
      <c r="F123" s="17" t="s">
        <v>246</v>
      </c>
      <c r="G123" s="17" t="s">
        <v>6410</v>
      </c>
      <c r="H123" s="17" t="s">
        <v>247</v>
      </c>
      <c r="I123" s="17" t="s">
        <v>4216</v>
      </c>
      <c r="J123" s="18"/>
      <c r="K123" s="19"/>
      <c r="L123" s="25" t="s">
        <v>1966</v>
      </c>
      <c r="M123" s="17" t="s">
        <v>3213</v>
      </c>
      <c r="N123" s="16" t="s">
        <v>9530</v>
      </c>
      <c r="O123" s="21">
        <v>1958</v>
      </c>
      <c r="P123" s="19">
        <v>1</v>
      </c>
      <c r="Q123" s="22"/>
      <c r="R123" s="23">
        <v>45065</v>
      </c>
    </row>
    <row r="124" spans="1:18" ht="14.25" customHeight="1" x14ac:dyDescent="0.2">
      <c r="A124" s="15" t="s">
        <v>7922</v>
      </c>
      <c r="B124" s="10" t="s">
        <v>1806</v>
      </c>
      <c r="C124" s="16">
        <v>1</v>
      </c>
      <c r="D124" s="17">
        <v>511</v>
      </c>
      <c r="E124" s="17">
        <v>1503</v>
      </c>
      <c r="F124" s="17" t="s">
        <v>248</v>
      </c>
      <c r="G124" s="17" t="s">
        <v>6411</v>
      </c>
      <c r="H124" s="17" t="s">
        <v>249</v>
      </c>
      <c r="I124" s="17" t="s">
        <v>4217</v>
      </c>
      <c r="J124" s="18"/>
      <c r="K124" s="19"/>
      <c r="L124" s="25" t="s">
        <v>1967</v>
      </c>
      <c r="M124" s="17" t="s">
        <v>3214</v>
      </c>
      <c r="N124" s="16" t="s">
        <v>9531</v>
      </c>
      <c r="O124" s="21">
        <v>1965</v>
      </c>
      <c r="P124" s="19">
        <v>1</v>
      </c>
      <c r="Q124" s="22"/>
      <c r="R124" s="23">
        <v>45065</v>
      </c>
    </row>
    <row r="125" spans="1:18" ht="14.25" customHeight="1" x14ac:dyDescent="0.2">
      <c r="A125" s="15" t="s">
        <v>7923</v>
      </c>
      <c r="B125" s="10" t="s">
        <v>1806</v>
      </c>
      <c r="C125" s="16">
        <v>1</v>
      </c>
      <c r="D125" s="17">
        <v>511</v>
      </c>
      <c r="E125" s="17">
        <v>1503</v>
      </c>
      <c r="F125" s="17" t="s">
        <v>250</v>
      </c>
      <c r="G125" s="17" t="s">
        <v>6412</v>
      </c>
      <c r="H125" s="17" t="s">
        <v>251</v>
      </c>
      <c r="I125" s="17" t="s">
        <v>4218</v>
      </c>
      <c r="J125" s="18"/>
      <c r="K125" s="19"/>
      <c r="L125" s="25" t="s">
        <v>1968</v>
      </c>
      <c r="M125" s="17" t="s">
        <v>3215</v>
      </c>
      <c r="N125" s="16" t="s">
        <v>9532</v>
      </c>
      <c r="O125" s="21">
        <v>1966</v>
      </c>
      <c r="P125" s="19">
        <v>1</v>
      </c>
      <c r="Q125" s="22"/>
      <c r="R125" s="23">
        <v>45065</v>
      </c>
    </row>
    <row r="126" spans="1:18" ht="14.25" customHeight="1" x14ac:dyDescent="0.2">
      <c r="A126" s="15" t="s">
        <v>7924</v>
      </c>
      <c r="B126" s="10" t="s">
        <v>1806</v>
      </c>
      <c r="C126" s="16">
        <v>1</v>
      </c>
      <c r="D126" s="17">
        <v>511</v>
      </c>
      <c r="E126" s="17">
        <v>1503</v>
      </c>
      <c r="F126" s="17" t="s">
        <v>252</v>
      </c>
      <c r="G126" s="17" t="s">
        <v>6413</v>
      </c>
      <c r="H126" s="17" t="s">
        <v>253</v>
      </c>
      <c r="I126" s="17" t="s">
        <v>4219</v>
      </c>
      <c r="J126" s="18"/>
      <c r="K126" s="19"/>
      <c r="L126" s="25" t="s">
        <v>1969</v>
      </c>
      <c r="M126" s="17" t="s">
        <v>3216</v>
      </c>
      <c r="N126" s="16" t="s">
        <v>9533</v>
      </c>
      <c r="O126" s="21">
        <v>1967</v>
      </c>
      <c r="P126" s="19">
        <v>1</v>
      </c>
      <c r="Q126" s="22"/>
      <c r="R126" s="23">
        <v>45065</v>
      </c>
    </row>
    <row r="127" spans="1:18" ht="14.25" customHeight="1" x14ac:dyDescent="0.2">
      <c r="A127" s="15" t="s">
        <v>7925</v>
      </c>
      <c r="B127" s="10" t="s">
        <v>1806</v>
      </c>
      <c r="C127" s="16">
        <v>1</v>
      </c>
      <c r="D127" s="17">
        <v>511</v>
      </c>
      <c r="E127" s="17">
        <v>1503</v>
      </c>
      <c r="F127" s="17" t="s">
        <v>254</v>
      </c>
      <c r="G127" s="17" t="s">
        <v>6414</v>
      </c>
      <c r="H127" s="17" t="s">
        <v>255</v>
      </c>
      <c r="I127" s="17" t="s">
        <v>4220</v>
      </c>
      <c r="J127" s="18"/>
      <c r="K127" s="19"/>
      <c r="L127" s="25" t="s">
        <v>1970</v>
      </c>
      <c r="M127" s="17" t="s">
        <v>3217</v>
      </c>
      <c r="N127" s="16" t="s">
        <v>9534</v>
      </c>
      <c r="O127" s="21">
        <v>1880</v>
      </c>
      <c r="P127" s="19">
        <v>1</v>
      </c>
      <c r="Q127" s="22"/>
      <c r="R127" s="23">
        <v>45065</v>
      </c>
    </row>
    <row r="128" spans="1:18" ht="14.25" customHeight="1" x14ac:dyDescent="0.2">
      <c r="A128" s="15" t="s">
        <v>7926</v>
      </c>
      <c r="B128" s="10" t="s">
        <v>1806</v>
      </c>
      <c r="C128" s="16">
        <v>1</v>
      </c>
      <c r="D128" s="17">
        <v>511</v>
      </c>
      <c r="E128" s="17">
        <v>1503</v>
      </c>
      <c r="F128" s="17" t="s">
        <v>256</v>
      </c>
      <c r="G128" s="17" t="s">
        <v>6415</v>
      </c>
      <c r="H128" s="17" t="s">
        <v>257</v>
      </c>
      <c r="I128" s="17" t="s">
        <v>4221</v>
      </c>
      <c r="J128" s="18"/>
      <c r="K128" s="19"/>
      <c r="L128" s="25" t="s">
        <v>1971</v>
      </c>
      <c r="M128" s="17" t="s">
        <v>3218</v>
      </c>
      <c r="N128" s="16" t="s">
        <v>9535</v>
      </c>
      <c r="O128" s="21">
        <v>1969</v>
      </c>
      <c r="P128" s="19">
        <v>1</v>
      </c>
      <c r="Q128" s="22"/>
      <c r="R128" s="23">
        <v>45065</v>
      </c>
    </row>
    <row r="129" spans="1:18" ht="14.25" customHeight="1" x14ac:dyDescent="0.2">
      <c r="A129" s="15" t="s">
        <v>7927</v>
      </c>
      <c r="B129" s="10" t="s">
        <v>1806</v>
      </c>
      <c r="C129" s="16">
        <v>1</v>
      </c>
      <c r="D129" s="17">
        <v>511</v>
      </c>
      <c r="E129" s="17">
        <v>1503</v>
      </c>
      <c r="F129" s="17" t="s">
        <v>258</v>
      </c>
      <c r="G129" s="17" t="s">
        <v>6416</v>
      </c>
      <c r="H129" s="17" t="s">
        <v>259</v>
      </c>
      <c r="I129" s="17" t="s">
        <v>4222</v>
      </c>
      <c r="J129" s="18"/>
      <c r="K129" s="19"/>
      <c r="L129" s="25" t="s">
        <v>1972</v>
      </c>
      <c r="M129" s="17" t="s">
        <v>3219</v>
      </c>
      <c r="N129" s="16" t="s">
        <v>9536</v>
      </c>
      <c r="O129" s="21">
        <v>1970</v>
      </c>
      <c r="P129" s="19">
        <v>1</v>
      </c>
      <c r="Q129" s="22"/>
      <c r="R129" s="23">
        <v>45065</v>
      </c>
    </row>
    <row r="130" spans="1:18" ht="14.25" customHeight="1" x14ac:dyDescent="0.2">
      <c r="A130" s="15" t="s">
        <v>7928</v>
      </c>
      <c r="B130" s="10" t="s">
        <v>1806</v>
      </c>
      <c r="C130" s="16">
        <v>1</v>
      </c>
      <c r="D130" s="17">
        <v>511</v>
      </c>
      <c r="E130" s="17">
        <v>1503</v>
      </c>
      <c r="F130" s="17" t="s">
        <v>260</v>
      </c>
      <c r="G130" s="17" t="s">
        <v>6417</v>
      </c>
      <c r="H130" s="17" t="s">
        <v>261</v>
      </c>
      <c r="I130" s="17" t="s">
        <v>4223</v>
      </c>
      <c r="J130" s="18"/>
      <c r="K130" s="19"/>
      <c r="L130" s="25" t="s">
        <v>1973</v>
      </c>
      <c r="M130" s="17" t="s">
        <v>3220</v>
      </c>
      <c r="N130" s="16" t="s">
        <v>9537</v>
      </c>
      <c r="O130" s="21">
        <v>1971</v>
      </c>
      <c r="P130" s="19">
        <v>1</v>
      </c>
      <c r="Q130" s="22"/>
      <c r="R130" s="23">
        <v>45065</v>
      </c>
    </row>
    <row r="131" spans="1:18" ht="14.25" customHeight="1" x14ac:dyDescent="0.2">
      <c r="A131" s="15" t="s">
        <v>7929</v>
      </c>
      <c r="B131" s="10" t="s">
        <v>1806</v>
      </c>
      <c r="C131" s="16">
        <v>1</v>
      </c>
      <c r="D131" s="17">
        <v>511</v>
      </c>
      <c r="E131" s="17">
        <v>1503</v>
      </c>
      <c r="F131" s="17" t="s">
        <v>262</v>
      </c>
      <c r="G131" s="17" t="s">
        <v>6418</v>
      </c>
      <c r="H131" s="17" t="s">
        <v>263</v>
      </c>
      <c r="I131" s="17" t="s">
        <v>4224</v>
      </c>
      <c r="J131" s="18"/>
      <c r="K131" s="19"/>
      <c r="L131" s="25" t="s">
        <v>1974</v>
      </c>
      <c r="M131" s="17" t="s">
        <v>3221</v>
      </c>
      <c r="N131" s="16" t="s">
        <v>9538</v>
      </c>
      <c r="O131" s="21">
        <v>2011</v>
      </c>
      <c r="P131" s="19">
        <v>1</v>
      </c>
      <c r="Q131" s="22"/>
      <c r="R131" s="23">
        <v>45065</v>
      </c>
    </row>
    <row r="132" spans="1:18" ht="14.25" customHeight="1" x14ac:dyDescent="0.2">
      <c r="A132" s="15" t="s">
        <v>7930</v>
      </c>
      <c r="B132" s="10" t="s">
        <v>1806</v>
      </c>
      <c r="C132" s="16">
        <v>1</v>
      </c>
      <c r="D132" s="17">
        <v>511</v>
      </c>
      <c r="E132" s="17">
        <v>1503</v>
      </c>
      <c r="F132" s="17" t="s">
        <v>264</v>
      </c>
      <c r="G132" s="17" t="s">
        <v>6419</v>
      </c>
      <c r="H132" s="17" t="s">
        <v>265</v>
      </c>
      <c r="I132" s="17" t="s">
        <v>4225</v>
      </c>
      <c r="J132" s="18"/>
      <c r="K132" s="19"/>
      <c r="L132" s="25" t="s">
        <v>1975</v>
      </c>
      <c r="M132" s="17" t="s">
        <v>3222</v>
      </c>
      <c r="N132" s="16" t="s">
        <v>9539</v>
      </c>
      <c r="O132" s="21">
        <v>1973</v>
      </c>
      <c r="P132" s="19">
        <v>1</v>
      </c>
      <c r="Q132" s="22"/>
      <c r="R132" s="23">
        <v>45065</v>
      </c>
    </row>
    <row r="133" spans="1:18" ht="14.25" customHeight="1" x14ac:dyDescent="0.2">
      <c r="A133" s="15" t="s">
        <v>7931</v>
      </c>
      <c r="B133" s="10" t="s">
        <v>1806</v>
      </c>
      <c r="C133" s="16">
        <v>1</v>
      </c>
      <c r="D133" s="17">
        <v>511</v>
      </c>
      <c r="E133" s="17">
        <v>1503</v>
      </c>
      <c r="F133" s="17" t="s">
        <v>266</v>
      </c>
      <c r="G133" s="17" t="s">
        <v>6420</v>
      </c>
      <c r="H133" s="17" t="s">
        <v>267</v>
      </c>
      <c r="I133" s="17" t="s">
        <v>4226</v>
      </c>
      <c r="J133" s="18"/>
      <c r="K133" s="19"/>
      <c r="L133" s="25" t="s">
        <v>1976</v>
      </c>
      <c r="M133" s="17" t="s">
        <v>3223</v>
      </c>
      <c r="N133" s="16" t="s">
        <v>9540</v>
      </c>
      <c r="O133" s="21">
        <v>1973</v>
      </c>
      <c r="P133" s="19">
        <v>1</v>
      </c>
      <c r="Q133" s="22"/>
      <c r="R133" s="23">
        <v>45065</v>
      </c>
    </row>
    <row r="134" spans="1:18" ht="14.25" customHeight="1" x14ac:dyDescent="0.2">
      <c r="A134" s="15" t="s">
        <v>7932</v>
      </c>
      <c r="B134" s="10" t="s">
        <v>1806</v>
      </c>
      <c r="C134" s="16">
        <v>1</v>
      </c>
      <c r="D134" s="17">
        <v>511</v>
      </c>
      <c r="E134" s="17">
        <v>1503</v>
      </c>
      <c r="F134" s="17" t="s">
        <v>268</v>
      </c>
      <c r="G134" s="17" t="s">
        <v>6421</v>
      </c>
      <c r="H134" s="17" t="s">
        <v>269</v>
      </c>
      <c r="I134" s="17" t="s">
        <v>4227</v>
      </c>
      <c r="J134" s="18"/>
      <c r="K134" s="19"/>
      <c r="L134" s="25" t="s">
        <v>1977</v>
      </c>
      <c r="M134" s="17" t="s">
        <v>3224</v>
      </c>
      <c r="N134" s="16" t="s">
        <v>9541</v>
      </c>
      <c r="O134" s="21">
        <v>1975</v>
      </c>
      <c r="P134" s="19">
        <v>1</v>
      </c>
      <c r="Q134" s="22"/>
      <c r="R134" s="23">
        <v>45065</v>
      </c>
    </row>
    <row r="135" spans="1:18" ht="14.25" customHeight="1" x14ac:dyDescent="0.2">
      <c r="A135" s="15" t="s">
        <v>7933</v>
      </c>
      <c r="B135" s="10" t="s">
        <v>1806</v>
      </c>
      <c r="C135" s="16">
        <v>1</v>
      </c>
      <c r="D135" s="17">
        <v>511</v>
      </c>
      <c r="E135" s="17">
        <v>1503</v>
      </c>
      <c r="F135" s="17" t="s">
        <v>270</v>
      </c>
      <c r="G135" s="17" t="s">
        <v>6422</v>
      </c>
      <c r="H135" s="17" t="s">
        <v>271</v>
      </c>
      <c r="I135" s="17" t="s">
        <v>4228</v>
      </c>
      <c r="J135" s="18"/>
      <c r="K135" s="19"/>
      <c r="L135" s="25" t="s">
        <v>1978</v>
      </c>
      <c r="M135" s="17" t="s">
        <v>3225</v>
      </c>
      <c r="N135" s="16" t="s">
        <v>9542</v>
      </c>
      <c r="O135" s="21">
        <v>1976</v>
      </c>
      <c r="P135" s="19">
        <v>1</v>
      </c>
      <c r="Q135" s="22"/>
      <c r="R135" s="23">
        <v>45065</v>
      </c>
    </row>
    <row r="136" spans="1:18" ht="14.25" customHeight="1" x14ac:dyDescent="0.2">
      <c r="A136" s="15" t="s">
        <v>7934</v>
      </c>
      <c r="B136" s="10" t="s">
        <v>1806</v>
      </c>
      <c r="C136" s="16">
        <v>1</v>
      </c>
      <c r="D136" s="17">
        <v>511</v>
      </c>
      <c r="E136" s="17">
        <v>1503</v>
      </c>
      <c r="F136" s="17" t="s">
        <v>272</v>
      </c>
      <c r="G136" s="17" t="s">
        <v>6423</v>
      </c>
      <c r="H136" s="17" t="s">
        <v>273</v>
      </c>
      <c r="I136" s="17" t="s">
        <v>4229</v>
      </c>
      <c r="J136" s="18"/>
      <c r="K136" s="19"/>
      <c r="L136" s="25" t="s">
        <v>1979</v>
      </c>
      <c r="M136" s="17" t="s">
        <v>3226</v>
      </c>
      <c r="N136" s="16" t="s">
        <v>9543</v>
      </c>
      <c r="O136" s="21">
        <v>1978</v>
      </c>
      <c r="P136" s="19">
        <v>1</v>
      </c>
      <c r="Q136" s="22"/>
      <c r="R136" s="23">
        <v>45065</v>
      </c>
    </row>
    <row r="137" spans="1:18" ht="14.25" customHeight="1" x14ac:dyDescent="0.2">
      <c r="A137" s="15" t="s">
        <v>7935</v>
      </c>
      <c r="B137" s="10" t="s">
        <v>1806</v>
      </c>
      <c r="C137" s="16">
        <v>1</v>
      </c>
      <c r="D137" s="17">
        <v>511</v>
      </c>
      <c r="E137" s="17">
        <v>1503</v>
      </c>
      <c r="F137" s="17" t="s">
        <v>274</v>
      </c>
      <c r="G137" s="17" t="s">
        <v>6424</v>
      </c>
      <c r="H137" s="17" t="s">
        <v>275</v>
      </c>
      <c r="I137" s="17" t="s">
        <v>4230</v>
      </c>
      <c r="J137" s="18"/>
      <c r="K137" s="19"/>
      <c r="L137" s="25" t="s">
        <v>1980</v>
      </c>
      <c r="M137" s="17" t="s">
        <v>3227</v>
      </c>
      <c r="N137" s="16" t="s">
        <v>9544</v>
      </c>
      <c r="O137" s="21">
        <v>1979</v>
      </c>
      <c r="P137" s="19">
        <v>1</v>
      </c>
      <c r="Q137" s="22"/>
      <c r="R137" s="23">
        <v>45065</v>
      </c>
    </row>
    <row r="138" spans="1:18" ht="14.25" customHeight="1" x14ac:dyDescent="0.2">
      <c r="A138" s="15" t="s">
        <v>7936</v>
      </c>
      <c r="B138" s="10" t="s">
        <v>1806</v>
      </c>
      <c r="C138" s="16">
        <v>1</v>
      </c>
      <c r="D138" s="17">
        <v>511</v>
      </c>
      <c r="E138" s="17">
        <v>1503</v>
      </c>
      <c r="F138" s="17" t="s">
        <v>276</v>
      </c>
      <c r="G138" s="17" t="s">
        <v>6425</v>
      </c>
      <c r="H138" s="17" t="s">
        <v>277</v>
      </c>
      <c r="I138" s="17" t="s">
        <v>4231</v>
      </c>
      <c r="J138" s="18"/>
      <c r="K138" s="19"/>
      <c r="L138" s="25" t="s">
        <v>1981</v>
      </c>
      <c r="M138" s="17" t="s">
        <v>3228</v>
      </c>
      <c r="N138" s="16" t="s">
        <v>9545</v>
      </c>
      <c r="O138" s="21">
        <v>1982</v>
      </c>
      <c r="P138" s="19">
        <v>1</v>
      </c>
      <c r="Q138" s="22"/>
      <c r="R138" s="23">
        <v>45065</v>
      </c>
    </row>
    <row r="139" spans="1:18" ht="14.25" customHeight="1" x14ac:dyDescent="0.2">
      <c r="A139" s="15" t="s">
        <v>7937</v>
      </c>
      <c r="B139" s="10" t="s">
        <v>1806</v>
      </c>
      <c r="C139" s="16">
        <v>1</v>
      </c>
      <c r="D139" s="17">
        <v>511</v>
      </c>
      <c r="E139" s="17">
        <v>1503</v>
      </c>
      <c r="F139" s="17" t="s">
        <v>278</v>
      </c>
      <c r="G139" s="17" t="s">
        <v>6426</v>
      </c>
      <c r="H139" s="17" t="s">
        <v>279</v>
      </c>
      <c r="I139" s="17" t="s">
        <v>4232</v>
      </c>
      <c r="J139" s="18"/>
      <c r="K139" s="19"/>
      <c r="L139" s="25" t="s">
        <v>1982</v>
      </c>
      <c r="M139" s="17" t="s">
        <v>3229</v>
      </c>
      <c r="N139" s="16" t="s">
        <v>9546</v>
      </c>
      <c r="O139" s="21">
        <v>2007</v>
      </c>
      <c r="P139" s="19">
        <v>1</v>
      </c>
      <c r="Q139" s="22"/>
      <c r="R139" s="23">
        <v>45065</v>
      </c>
    </row>
    <row r="140" spans="1:18" ht="14.25" customHeight="1" x14ac:dyDescent="0.2">
      <c r="A140" s="15" t="s">
        <v>7938</v>
      </c>
      <c r="B140" s="10" t="s">
        <v>1806</v>
      </c>
      <c r="C140" s="16">
        <v>1</v>
      </c>
      <c r="D140" s="17">
        <v>511</v>
      </c>
      <c r="E140" s="17">
        <v>1503</v>
      </c>
      <c r="F140" s="17" t="s">
        <v>280</v>
      </c>
      <c r="G140" s="17" t="s">
        <v>6427</v>
      </c>
      <c r="H140" s="17" t="s">
        <v>1559</v>
      </c>
      <c r="I140" s="17" t="s">
        <v>4233</v>
      </c>
      <c r="J140" s="18"/>
      <c r="K140" s="19"/>
      <c r="L140" s="25" t="s">
        <v>1983</v>
      </c>
      <c r="M140" s="17" t="s">
        <v>3230</v>
      </c>
      <c r="N140" s="16" t="s">
        <v>9547</v>
      </c>
      <c r="O140" s="21">
        <v>2013</v>
      </c>
      <c r="P140" s="19">
        <v>1</v>
      </c>
      <c r="Q140" s="22"/>
      <c r="R140" s="23">
        <v>45065</v>
      </c>
    </row>
    <row r="141" spans="1:18" ht="14.25" customHeight="1" x14ac:dyDescent="0.2">
      <c r="A141" s="15" t="s">
        <v>7939</v>
      </c>
      <c r="B141" s="10" t="s">
        <v>1806</v>
      </c>
      <c r="C141" s="16">
        <v>1</v>
      </c>
      <c r="D141" s="17">
        <v>511</v>
      </c>
      <c r="E141" s="17">
        <v>1503</v>
      </c>
      <c r="F141" s="17" t="s">
        <v>281</v>
      </c>
      <c r="G141" s="17" t="s">
        <v>6428</v>
      </c>
      <c r="H141" s="17" t="s">
        <v>282</v>
      </c>
      <c r="I141" s="17" t="s">
        <v>4234</v>
      </c>
      <c r="J141" s="18"/>
      <c r="K141" s="19"/>
      <c r="L141" s="25" t="s">
        <v>1984</v>
      </c>
      <c r="M141" s="17" t="s">
        <v>3231</v>
      </c>
      <c r="N141" s="16" t="s">
        <v>9548</v>
      </c>
      <c r="O141" s="21">
        <v>1873</v>
      </c>
      <c r="P141" s="19">
        <v>1</v>
      </c>
      <c r="Q141" s="22"/>
      <c r="R141" s="23">
        <v>45065</v>
      </c>
    </row>
    <row r="142" spans="1:18" ht="14.25" customHeight="1" x14ac:dyDescent="0.2">
      <c r="A142" s="15" t="s">
        <v>7940</v>
      </c>
      <c r="B142" s="10" t="s">
        <v>1806</v>
      </c>
      <c r="C142" s="16">
        <v>1</v>
      </c>
      <c r="D142" s="17">
        <v>511</v>
      </c>
      <c r="E142" s="17">
        <v>1503</v>
      </c>
      <c r="F142" s="17" t="s">
        <v>283</v>
      </c>
      <c r="G142" s="17" t="s">
        <v>6429</v>
      </c>
      <c r="H142" s="17" t="s">
        <v>284</v>
      </c>
      <c r="I142" s="17" t="s">
        <v>4235</v>
      </c>
      <c r="J142" s="18"/>
      <c r="K142" s="19"/>
      <c r="L142" s="25" t="s">
        <v>1985</v>
      </c>
      <c r="M142" s="17" t="s">
        <v>3232</v>
      </c>
      <c r="N142" s="16" t="s">
        <v>9549</v>
      </c>
      <c r="O142" s="21">
        <v>1873</v>
      </c>
      <c r="P142" s="19">
        <v>1</v>
      </c>
      <c r="Q142" s="22"/>
      <c r="R142" s="23">
        <v>45065</v>
      </c>
    </row>
    <row r="143" spans="1:18" ht="14.25" customHeight="1" x14ac:dyDescent="0.2">
      <c r="A143" s="15" t="s">
        <v>7941</v>
      </c>
      <c r="B143" s="10" t="s">
        <v>1806</v>
      </c>
      <c r="C143" s="16">
        <v>1</v>
      </c>
      <c r="D143" s="17">
        <v>511</v>
      </c>
      <c r="E143" s="17">
        <v>1503</v>
      </c>
      <c r="F143" s="17" t="s">
        <v>285</v>
      </c>
      <c r="G143" s="17" t="s">
        <v>6430</v>
      </c>
      <c r="H143" s="17" t="s">
        <v>286</v>
      </c>
      <c r="I143" s="17" t="s">
        <v>4236</v>
      </c>
      <c r="J143" s="18"/>
      <c r="K143" s="19"/>
      <c r="L143" s="25" t="s">
        <v>1986</v>
      </c>
      <c r="M143" s="17" t="s">
        <v>3233</v>
      </c>
      <c r="N143" s="16" t="s">
        <v>9550</v>
      </c>
      <c r="O143" s="21">
        <v>1873</v>
      </c>
      <c r="P143" s="19">
        <v>1</v>
      </c>
      <c r="Q143" s="22"/>
      <c r="R143" s="23">
        <v>45065</v>
      </c>
    </row>
    <row r="144" spans="1:18" ht="14.25" customHeight="1" x14ac:dyDescent="0.2">
      <c r="A144" s="15" t="s">
        <v>7942</v>
      </c>
      <c r="B144" s="10" t="s">
        <v>1806</v>
      </c>
      <c r="C144" s="16">
        <v>1</v>
      </c>
      <c r="D144" s="17">
        <v>511</v>
      </c>
      <c r="E144" s="17">
        <v>1503</v>
      </c>
      <c r="F144" s="17" t="s">
        <v>287</v>
      </c>
      <c r="G144" s="17" t="s">
        <v>6431</v>
      </c>
      <c r="H144" s="17" t="s">
        <v>288</v>
      </c>
      <c r="I144" s="17" t="s">
        <v>4237</v>
      </c>
      <c r="J144" s="18"/>
      <c r="K144" s="19"/>
      <c r="L144" s="25" t="s">
        <v>1987</v>
      </c>
      <c r="M144" s="17" t="s">
        <v>3234</v>
      </c>
      <c r="N144" s="16" t="s">
        <v>9551</v>
      </c>
      <c r="O144" s="21">
        <v>1928</v>
      </c>
      <c r="P144" s="19">
        <v>1</v>
      </c>
      <c r="Q144" s="22"/>
      <c r="R144" s="23">
        <v>45065</v>
      </c>
    </row>
    <row r="145" spans="1:18" ht="14.25" customHeight="1" x14ac:dyDescent="0.2">
      <c r="A145" s="15" t="s">
        <v>7943</v>
      </c>
      <c r="B145" s="10" t="s">
        <v>1806</v>
      </c>
      <c r="C145" s="16">
        <v>1</v>
      </c>
      <c r="D145" s="17">
        <v>511</v>
      </c>
      <c r="E145" s="17">
        <v>1503</v>
      </c>
      <c r="F145" s="17" t="s">
        <v>289</v>
      </c>
      <c r="G145" s="17" t="s">
        <v>6432</v>
      </c>
      <c r="H145" s="17" t="s">
        <v>290</v>
      </c>
      <c r="I145" s="17" t="s">
        <v>4238</v>
      </c>
      <c r="J145" s="18"/>
      <c r="K145" s="19"/>
      <c r="L145" s="25" t="s">
        <v>1988</v>
      </c>
      <c r="M145" s="17" t="s">
        <v>3235</v>
      </c>
      <c r="N145" s="16" t="s">
        <v>9552</v>
      </c>
      <c r="O145" s="21">
        <v>1944</v>
      </c>
      <c r="P145" s="19">
        <v>1</v>
      </c>
      <c r="Q145" s="22"/>
      <c r="R145" s="23">
        <v>45065</v>
      </c>
    </row>
    <row r="146" spans="1:18" ht="14.25" customHeight="1" x14ac:dyDescent="0.2">
      <c r="A146" s="15" t="s">
        <v>7944</v>
      </c>
      <c r="B146" s="10" t="s">
        <v>1806</v>
      </c>
      <c r="C146" s="16">
        <v>1</v>
      </c>
      <c r="D146" s="17">
        <v>511</v>
      </c>
      <c r="E146" s="17">
        <v>1503</v>
      </c>
      <c r="F146" s="17" t="s">
        <v>291</v>
      </c>
      <c r="G146" s="17" t="s">
        <v>6433</v>
      </c>
      <c r="H146" s="17" t="s">
        <v>292</v>
      </c>
      <c r="I146" s="17" t="s">
        <v>4239</v>
      </c>
      <c r="J146" s="18"/>
      <c r="K146" s="19"/>
      <c r="L146" s="25" t="s">
        <v>1989</v>
      </c>
      <c r="M146" s="17" t="s">
        <v>3236</v>
      </c>
      <c r="N146" s="16" t="s">
        <v>9553</v>
      </c>
      <c r="O146" s="21">
        <v>1956</v>
      </c>
      <c r="P146" s="19">
        <v>1</v>
      </c>
      <c r="Q146" s="22"/>
      <c r="R146" s="23">
        <v>45065</v>
      </c>
    </row>
    <row r="147" spans="1:18" ht="14.25" customHeight="1" x14ac:dyDescent="0.2">
      <c r="A147" s="15" t="s">
        <v>7945</v>
      </c>
      <c r="B147" s="10" t="s">
        <v>1806</v>
      </c>
      <c r="C147" s="16">
        <v>1</v>
      </c>
      <c r="D147" s="17">
        <v>511</v>
      </c>
      <c r="E147" s="17">
        <v>1503</v>
      </c>
      <c r="F147" s="17" t="s">
        <v>293</v>
      </c>
      <c r="G147" s="17" t="s">
        <v>6434</v>
      </c>
      <c r="H147" s="17" t="s">
        <v>284</v>
      </c>
      <c r="I147" s="17" t="s">
        <v>4240</v>
      </c>
      <c r="J147" s="18"/>
      <c r="K147" s="19"/>
      <c r="L147" s="25" t="s">
        <v>1990</v>
      </c>
      <c r="M147" s="17" t="s">
        <v>3237</v>
      </c>
      <c r="N147" s="16" t="s">
        <v>9554</v>
      </c>
      <c r="O147" s="21">
        <v>1960</v>
      </c>
      <c r="P147" s="19">
        <v>1</v>
      </c>
      <c r="Q147" s="22"/>
      <c r="R147" s="23">
        <v>45065</v>
      </c>
    </row>
    <row r="148" spans="1:18" ht="14.25" customHeight="1" x14ac:dyDescent="0.2">
      <c r="A148" s="15" t="s">
        <v>7946</v>
      </c>
      <c r="B148" s="10" t="s">
        <v>1806</v>
      </c>
      <c r="C148" s="16">
        <v>1</v>
      </c>
      <c r="D148" s="17">
        <v>511</v>
      </c>
      <c r="E148" s="17">
        <v>1503</v>
      </c>
      <c r="F148" s="17" t="s">
        <v>294</v>
      </c>
      <c r="G148" s="17" t="s">
        <v>6435</v>
      </c>
      <c r="H148" s="17" t="s">
        <v>295</v>
      </c>
      <c r="I148" s="17" t="s">
        <v>4241</v>
      </c>
      <c r="J148" s="18"/>
      <c r="K148" s="19"/>
      <c r="L148" s="25" t="s">
        <v>1991</v>
      </c>
      <c r="M148" s="17" t="s">
        <v>3238</v>
      </c>
      <c r="N148" s="16" t="s">
        <v>9555</v>
      </c>
      <c r="O148" s="21">
        <v>1963</v>
      </c>
      <c r="P148" s="19">
        <v>1</v>
      </c>
      <c r="Q148" s="22"/>
      <c r="R148" s="23">
        <v>45065</v>
      </c>
    </row>
    <row r="149" spans="1:18" ht="14.25" customHeight="1" x14ac:dyDescent="0.2">
      <c r="A149" s="15" t="s">
        <v>7947</v>
      </c>
      <c r="B149" s="10" t="s">
        <v>1806</v>
      </c>
      <c r="C149" s="16">
        <v>1</v>
      </c>
      <c r="D149" s="17">
        <v>511</v>
      </c>
      <c r="E149" s="17">
        <v>1503</v>
      </c>
      <c r="F149" s="17" t="s">
        <v>296</v>
      </c>
      <c r="G149" s="17" t="s">
        <v>6436</v>
      </c>
      <c r="H149" s="17" t="s">
        <v>297</v>
      </c>
      <c r="I149" s="17" t="s">
        <v>4242</v>
      </c>
      <c r="J149" s="18"/>
      <c r="K149" s="19"/>
      <c r="L149" s="25" t="s">
        <v>1992</v>
      </c>
      <c r="M149" s="17" t="s">
        <v>3239</v>
      </c>
      <c r="N149" s="16" t="s">
        <v>9556</v>
      </c>
      <c r="O149" s="21">
        <v>1967</v>
      </c>
      <c r="P149" s="19">
        <v>1</v>
      </c>
      <c r="Q149" s="22"/>
      <c r="R149" s="23">
        <v>45065</v>
      </c>
    </row>
    <row r="150" spans="1:18" ht="14.25" customHeight="1" x14ac:dyDescent="0.2">
      <c r="A150" s="15" t="s">
        <v>7948</v>
      </c>
      <c r="B150" s="10" t="s">
        <v>1806</v>
      </c>
      <c r="C150" s="16">
        <v>1</v>
      </c>
      <c r="D150" s="17">
        <v>511</v>
      </c>
      <c r="E150" s="17">
        <v>1503</v>
      </c>
      <c r="F150" s="17" t="s">
        <v>298</v>
      </c>
      <c r="G150" s="17" t="s">
        <v>6437</v>
      </c>
      <c r="H150" s="17" t="s">
        <v>299</v>
      </c>
      <c r="I150" s="17" t="s">
        <v>4243</v>
      </c>
      <c r="J150" s="18"/>
      <c r="K150" s="19"/>
      <c r="L150" s="25" t="s">
        <v>1993</v>
      </c>
      <c r="M150" s="17" t="s">
        <v>3240</v>
      </c>
      <c r="N150" s="16" t="s">
        <v>9557</v>
      </c>
      <c r="O150" s="21">
        <v>1971</v>
      </c>
      <c r="P150" s="19">
        <v>1</v>
      </c>
      <c r="Q150" s="22"/>
      <c r="R150" s="23">
        <v>45065</v>
      </c>
    </row>
    <row r="151" spans="1:18" ht="14.25" customHeight="1" x14ac:dyDescent="0.2">
      <c r="A151" s="15" t="s">
        <v>7949</v>
      </c>
      <c r="B151" s="10" t="s">
        <v>1806</v>
      </c>
      <c r="C151" s="16">
        <v>1</v>
      </c>
      <c r="D151" s="17">
        <v>511</v>
      </c>
      <c r="E151" s="17">
        <v>1503</v>
      </c>
      <c r="F151" s="17" t="s">
        <v>300</v>
      </c>
      <c r="G151" s="17" t="s">
        <v>6438</v>
      </c>
      <c r="H151" s="17" t="s">
        <v>299</v>
      </c>
      <c r="I151" s="17" t="s">
        <v>4244</v>
      </c>
      <c r="J151" s="18"/>
      <c r="K151" s="19"/>
      <c r="L151" s="25" t="s">
        <v>1994</v>
      </c>
      <c r="M151" s="17" t="s">
        <v>3241</v>
      </c>
      <c r="N151" s="16" t="s">
        <v>9558</v>
      </c>
      <c r="O151" s="21">
        <v>1971</v>
      </c>
      <c r="P151" s="19">
        <v>1</v>
      </c>
      <c r="Q151" s="22"/>
      <c r="R151" s="23">
        <v>45065</v>
      </c>
    </row>
    <row r="152" spans="1:18" ht="14.25" customHeight="1" x14ac:dyDescent="0.2">
      <c r="A152" s="15" t="s">
        <v>7950</v>
      </c>
      <c r="B152" s="10" t="s">
        <v>1806</v>
      </c>
      <c r="C152" s="16">
        <v>1</v>
      </c>
      <c r="D152" s="17">
        <v>511</v>
      </c>
      <c r="E152" s="17">
        <v>1503</v>
      </c>
      <c r="F152" s="17" t="s">
        <v>301</v>
      </c>
      <c r="G152" s="17" t="s">
        <v>6439</v>
      </c>
      <c r="H152" s="17" t="s">
        <v>302</v>
      </c>
      <c r="I152" s="17" t="s">
        <v>4245</v>
      </c>
      <c r="J152" s="18"/>
      <c r="K152" s="19"/>
      <c r="L152" s="25" t="s">
        <v>1995</v>
      </c>
      <c r="M152" s="17" t="s">
        <v>3242</v>
      </c>
      <c r="N152" s="16" t="s">
        <v>9559</v>
      </c>
      <c r="O152" s="21">
        <v>2007</v>
      </c>
      <c r="P152" s="19">
        <v>1</v>
      </c>
      <c r="Q152" s="22"/>
      <c r="R152" s="23">
        <v>45065</v>
      </c>
    </row>
    <row r="153" spans="1:18" ht="14.25" customHeight="1" x14ac:dyDescent="0.2">
      <c r="A153" s="15" t="s">
        <v>7951</v>
      </c>
      <c r="B153" s="10" t="s">
        <v>1806</v>
      </c>
      <c r="C153" s="16">
        <v>1</v>
      </c>
      <c r="D153" s="17">
        <v>511</v>
      </c>
      <c r="E153" s="17">
        <v>1503</v>
      </c>
      <c r="F153" s="17" t="s">
        <v>303</v>
      </c>
      <c r="G153" s="17" t="s">
        <v>6440</v>
      </c>
      <c r="H153" s="17" t="s">
        <v>299</v>
      </c>
      <c r="I153" s="17" t="s">
        <v>4246</v>
      </c>
      <c r="J153" s="18"/>
      <c r="K153" s="19"/>
      <c r="L153" s="25" t="s">
        <v>1996</v>
      </c>
      <c r="M153" s="17" t="s">
        <v>3243</v>
      </c>
      <c r="N153" s="16" t="s">
        <v>9560</v>
      </c>
      <c r="O153" s="21">
        <v>1973</v>
      </c>
      <c r="P153" s="19">
        <v>1</v>
      </c>
      <c r="Q153" s="22"/>
      <c r="R153" s="23">
        <v>45065</v>
      </c>
    </row>
    <row r="154" spans="1:18" ht="14.25" customHeight="1" x14ac:dyDescent="0.2">
      <c r="A154" s="15" t="s">
        <v>7952</v>
      </c>
      <c r="B154" s="10" t="s">
        <v>1806</v>
      </c>
      <c r="C154" s="16">
        <v>1</v>
      </c>
      <c r="D154" s="17">
        <v>511</v>
      </c>
      <c r="E154" s="17">
        <v>1503</v>
      </c>
      <c r="F154" s="17" t="s">
        <v>304</v>
      </c>
      <c r="G154" s="17" t="s">
        <v>6441</v>
      </c>
      <c r="H154" s="17" t="s">
        <v>299</v>
      </c>
      <c r="I154" s="17" t="s">
        <v>4247</v>
      </c>
      <c r="J154" s="18"/>
      <c r="K154" s="19"/>
      <c r="L154" s="25" t="s">
        <v>1997</v>
      </c>
      <c r="M154" s="17" t="s">
        <v>3244</v>
      </c>
      <c r="N154" s="16" t="s">
        <v>9561</v>
      </c>
      <c r="O154" s="21">
        <v>1974</v>
      </c>
      <c r="P154" s="19">
        <v>1</v>
      </c>
      <c r="Q154" s="22"/>
      <c r="R154" s="23">
        <v>45065</v>
      </c>
    </row>
    <row r="155" spans="1:18" ht="14.25" customHeight="1" x14ac:dyDescent="0.2">
      <c r="A155" s="15" t="s">
        <v>7953</v>
      </c>
      <c r="B155" s="10" t="s">
        <v>1806</v>
      </c>
      <c r="C155" s="16">
        <v>1</v>
      </c>
      <c r="D155" s="17">
        <v>511</v>
      </c>
      <c r="E155" s="17">
        <v>1503</v>
      </c>
      <c r="F155" s="17" t="s">
        <v>305</v>
      </c>
      <c r="G155" s="17" t="s">
        <v>6442</v>
      </c>
      <c r="H155" s="17" t="s">
        <v>292</v>
      </c>
      <c r="I155" s="17" t="s">
        <v>4248</v>
      </c>
      <c r="J155" s="18"/>
      <c r="K155" s="19"/>
      <c r="L155" s="25" t="s">
        <v>1998</v>
      </c>
      <c r="M155" s="17" t="s">
        <v>3245</v>
      </c>
      <c r="N155" s="16" t="s">
        <v>9562</v>
      </c>
      <c r="O155" s="21">
        <v>1976</v>
      </c>
      <c r="P155" s="19">
        <v>1</v>
      </c>
      <c r="Q155" s="22"/>
      <c r="R155" s="23">
        <v>45065</v>
      </c>
    </row>
    <row r="156" spans="1:18" ht="14.25" customHeight="1" x14ac:dyDescent="0.2">
      <c r="A156" s="15" t="s">
        <v>7954</v>
      </c>
      <c r="B156" s="10" t="s">
        <v>1806</v>
      </c>
      <c r="C156" s="16">
        <v>1</v>
      </c>
      <c r="D156" s="17">
        <v>511</v>
      </c>
      <c r="E156" s="17">
        <v>1503</v>
      </c>
      <c r="F156" s="17" t="s">
        <v>306</v>
      </c>
      <c r="G156" s="17" t="s">
        <v>6443</v>
      </c>
      <c r="H156" s="17" t="s">
        <v>307</v>
      </c>
      <c r="I156" s="17" t="s">
        <v>4249</v>
      </c>
      <c r="J156" s="18"/>
      <c r="K156" s="19"/>
      <c r="L156" s="25" t="s">
        <v>1999</v>
      </c>
      <c r="M156" s="17" t="s">
        <v>3246</v>
      </c>
      <c r="N156" s="16" t="s">
        <v>9563</v>
      </c>
      <c r="O156" s="21">
        <v>1980</v>
      </c>
      <c r="P156" s="19">
        <v>1</v>
      </c>
      <c r="Q156" s="22"/>
      <c r="R156" s="23">
        <v>45065</v>
      </c>
    </row>
    <row r="157" spans="1:18" ht="14.25" customHeight="1" x14ac:dyDescent="0.2">
      <c r="A157" s="15" t="s">
        <v>7955</v>
      </c>
      <c r="B157" s="10" t="s">
        <v>1806</v>
      </c>
      <c r="C157" s="16">
        <v>1</v>
      </c>
      <c r="D157" s="17">
        <v>511</v>
      </c>
      <c r="E157" s="17">
        <v>1503</v>
      </c>
      <c r="F157" s="17" t="s">
        <v>308</v>
      </c>
      <c r="G157" s="17" t="s">
        <v>6444</v>
      </c>
      <c r="H157" s="17" t="s">
        <v>309</v>
      </c>
      <c r="I157" s="17" t="s">
        <v>4250</v>
      </c>
      <c r="J157" s="18"/>
      <c r="K157" s="19"/>
      <c r="L157" s="25" t="s">
        <v>2000</v>
      </c>
      <c r="M157" s="17" t="s">
        <v>3247</v>
      </c>
      <c r="N157" s="16" t="s">
        <v>9564</v>
      </c>
      <c r="O157" s="21">
        <v>1873</v>
      </c>
      <c r="P157" s="19">
        <v>1</v>
      </c>
      <c r="Q157" s="22"/>
      <c r="R157" s="23">
        <v>45065</v>
      </c>
    </row>
    <row r="158" spans="1:18" ht="14.25" customHeight="1" x14ac:dyDescent="0.2">
      <c r="A158" s="15" t="s">
        <v>7956</v>
      </c>
      <c r="B158" s="10" t="s">
        <v>1806</v>
      </c>
      <c r="C158" s="16">
        <v>1</v>
      </c>
      <c r="D158" s="17">
        <v>511</v>
      </c>
      <c r="E158" s="17">
        <v>1503</v>
      </c>
      <c r="F158" s="17" t="s">
        <v>310</v>
      </c>
      <c r="G158" s="17" t="s">
        <v>6445</v>
      </c>
      <c r="H158" s="17" t="s">
        <v>311</v>
      </c>
      <c r="I158" s="17" t="s">
        <v>4251</v>
      </c>
      <c r="J158" s="18"/>
      <c r="K158" s="19"/>
      <c r="L158" s="25" t="s">
        <v>2001</v>
      </c>
      <c r="M158" s="17" t="s">
        <v>3248</v>
      </c>
      <c r="N158" s="16" t="s">
        <v>9565</v>
      </c>
      <c r="O158" s="21">
        <v>1873</v>
      </c>
      <c r="P158" s="19">
        <v>1</v>
      </c>
      <c r="Q158" s="22"/>
      <c r="R158" s="23">
        <v>45065</v>
      </c>
    </row>
    <row r="159" spans="1:18" ht="14.25" customHeight="1" x14ac:dyDescent="0.2">
      <c r="A159" s="15" t="s">
        <v>7957</v>
      </c>
      <c r="B159" s="10" t="s">
        <v>1806</v>
      </c>
      <c r="C159" s="16">
        <v>1</v>
      </c>
      <c r="D159" s="17">
        <v>511</v>
      </c>
      <c r="E159" s="17">
        <v>1503</v>
      </c>
      <c r="F159" s="17" t="s">
        <v>312</v>
      </c>
      <c r="G159" s="17" t="s">
        <v>6446</v>
      </c>
      <c r="H159" s="17" t="s">
        <v>313</v>
      </c>
      <c r="I159" s="17" t="s">
        <v>4252</v>
      </c>
      <c r="J159" s="18"/>
      <c r="K159" s="19"/>
      <c r="L159" s="25" t="s">
        <v>2002</v>
      </c>
      <c r="M159" s="17" t="s">
        <v>3249</v>
      </c>
      <c r="N159" s="16" t="s">
        <v>9566</v>
      </c>
      <c r="O159" s="21">
        <v>1873</v>
      </c>
      <c r="P159" s="19">
        <v>1</v>
      </c>
      <c r="Q159" s="22"/>
      <c r="R159" s="23">
        <v>45065</v>
      </c>
    </row>
    <row r="160" spans="1:18" ht="14.25" customHeight="1" x14ac:dyDescent="0.2">
      <c r="A160" s="15" t="s">
        <v>7958</v>
      </c>
      <c r="B160" s="10" t="s">
        <v>1806</v>
      </c>
      <c r="C160" s="16">
        <v>1</v>
      </c>
      <c r="D160" s="17">
        <v>511</v>
      </c>
      <c r="E160" s="17">
        <v>1503</v>
      </c>
      <c r="F160" s="17" t="s">
        <v>314</v>
      </c>
      <c r="G160" s="17" t="s">
        <v>6447</v>
      </c>
      <c r="H160" s="17" t="s">
        <v>315</v>
      </c>
      <c r="I160" s="17" t="s">
        <v>4253</v>
      </c>
      <c r="J160" s="18"/>
      <c r="K160" s="19"/>
      <c r="L160" s="25" t="s">
        <v>2003</v>
      </c>
      <c r="M160" s="17" t="s">
        <v>3250</v>
      </c>
      <c r="N160" s="16" t="s">
        <v>9567</v>
      </c>
      <c r="O160" s="21">
        <v>1873</v>
      </c>
      <c r="P160" s="19">
        <v>1</v>
      </c>
      <c r="Q160" s="22"/>
      <c r="R160" s="23">
        <v>45065</v>
      </c>
    </row>
    <row r="161" spans="1:18" ht="14.25" customHeight="1" x14ac:dyDescent="0.2">
      <c r="A161" s="15" t="s">
        <v>7959</v>
      </c>
      <c r="B161" s="10" t="s">
        <v>1806</v>
      </c>
      <c r="C161" s="16">
        <v>1</v>
      </c>
      <c r="D161" s="17">
        <v>511</v>
      </c>
      <c r="E161" s="17">
        <v>1503</v>
      </c>
      <c r="F161" s="17" t="s">
        <v>316</v>
      </c>
      <c r="G161" s="17" t="s">
        <v>6448</v>
      </c>
      <c r="H161" s="17" t="s">
        <v>317</v>
      </c>
      <c r="I161" s="17" t="s">
        <v>4254</v>
      </c>
      <c r="J161" s="18"/>
      <c r="K161" s="19"/>
      <c r="L161" s="25" t="s">
        <v>2004</v>
      </c>
      <c r="M161" s="17" t="s">
        <v>3251</v>
      </c>
      <c r="N161" s="16" t="s">
        <v>9568</v>
      </c>
      <c r="O161" s="21">
        <v>1944</v>
      </c>
      <c r="P161" s="19">
        <v>1</v>
      </c>
      <c r="Q161" s="22"/>
      <c r="R161" s="23">
        <v>45065</v>
      </c>
    </row>
    <row r="162" spans="1:18" ht="14.25" customHeight="1" x14ac:dyDescent="0.2">
      <c r="A162" s="15" t="s">
        <v>7960</v>
      </c>
      <c r="B162" s="10" t="s">
        <v>1806</v>
      </c>
      <c r="C162" s="16">
        <v>1</v>
      </c>
      <c r="D162" s="17">
        <v>511</v>
      </c>
      <c r="E162" s="17">
        <v>1503</v>
      </c>
      <c r="F162" s="17" t="s">
        <v>318</v>
      </c>
      <c r="G162" s="17" t="s">
        <v>6449</v>
      </c>
      <c r="H162" s="17" t="s">
        <v>319</v>
      </c>
      <c r="I162" s="17" t="s">
        <v>4255</v>
      </c>
      <c r="J162" s="18"/>
      <c r="K162" s="19"/>
      <c r="L162" s="25" t="s">
        <v>2005</v>
      </c>
      <c r="M162" s="17" t="s">
        <v>3252</v>
      </c>
      <c r="N162" s="16" t="s">
        <v>9569</v>
      </c>
      <c r="O162" s="21">
        <v>1951</v>
      </c>
      <c r="P162" s="19">
        <v>1</v>
      </c>
      <c r="Q162" s="22"/>
      <c r="R162" s="23">
        <v>45065</v>
      </c>
    </row>
    <row r="163" spans="1:18" ht="14.25" customHeight="1" x14ac:dyDescent="0.2">
      <c r="A163" s="15" t="s">
        <v>7961</v>
      </c>
      <c r="B163" s="10" t="s">
        <v>1806</v>
      </c>
      <c r="C163" s="16">
        <v>1</v>
      </c>
      <c r="D163" s="17">
        <v>511</v>
      </c>
      <c r="E163" s="17">
        <v>1503</v>
      </c>
      <c r="F163" s="17" t="s">
        <v>320</v>
      </c>
      <c r="G163" s="17" t="s">
        <v>6450</v>
      </c>
      <c r="H163" s="17" t="s">
        <v>321</v>
      </c>
      <c r="I163" s="17" t="s">
        <v>4256</v>
      </c>
      <c r="J163" s="18"/>
      <c r="K163" s="19"/>
      <c r="L163" s="25" t="s">
        <v>2006</v>
      </c>
      <c r="M163" s="17" t="s">
        <v>3253</v>
      </c>
      <c r="N163" s="16" t="s">
        <v>9570</v>
      </c>
      <c r="O163" s="21">
        <v>1951</v>
      </c>
      <c r="P163" s="19">
        <v>1</v>
      </c>
      <c r="Q163" s="22"/>
      <c r="R163" s="23">
        <v>45065</v>
      </c>
    </row>
    <row r="164" spans="1:18" ht="14.25" customHeight="1" x14ac:dyDescent="0.2">
      <c r="A164" s="15" t="s">
        <v>7962</v>
      </c>
      <c r="B164" s="10" t="s">
        <v>1806</v>
      </c>
      <c r="C164" s="16">
        <v>1</v>
      </c>
      <c r="D164" s="17">
        <v>511</v>
      </c>
      <c r="E164" s="17">
        <v>1503</v>
      </c>
      <c r="F164" s="17" t="s">
        <v>5173</v>
      </c>
      <c r="G164" s="17" t="s">
        <v>6451</v>
      </c>
      <c r="H164" s="17" t="s">
        <v>322</v>
      </c>
      <c r="I164" s="17" t="s">
        <v>4257</v>
      </c>
      <c r="J164" s="18"/>
      <c r="K164" s="19"/>
      <c r="L164" s="25" t="s">
        <v>2007</v>
      </c>
      <c r="M164" s="17" t="s">
        <v>3254</v>
      </c>
      <c r="N164" s="16" t="s">
        <v>9571</v>
      </c>
      <c r="O164" s="21">
        <v>1955</v>
      </c>
      <c r="P164" s="19">
        <v>1</v>
      </c>
      <c r="Q164" s="22"/>
      <c r="R164" s="23">
        <v>45065</v>
      </c>
    </row>
    <row r="165" spans="1:18" ht="14.25" customHeight="1" x14ac:dyDescent="0.2">
      <c r="A165" s="15" t="s">
        <v>7963</v>
      </c>
      <c r="B165" s="10" t="s">
        <v>1806</v>
      </c>
      <c r="C165" s="16">
        <v>1</v>
      </c>
      <c r="D165" s="17">
        <v>511</v>
      </c>
      <c r="E165" s="17">
        <v>1503</v>
      </c>
      <c r="F165" s="17" t="s">
        <v>323</v>
      </c>
      <c r="G165" s="17" t="s">
        <v>6452</v>
      </c>
      <c r="H165" s="17" t="s">
        <v>324</v>
      </c>
      <c r="I165" s="17" t="s">
        <v>4258</v>
      </c>
      <c r="J165" s="18"/>
      <c r="K165" s="19"/>
      <c r="L165" s="25" t="s">
        <v>2008</v>
      </c>
      <c r="M165" s="17" t="s">
        <v>3255</v>
      </c>
      <c r="N165" s="16" t="s">
        <v>9572</v>
      </c>
      <c r="O165" s="21">
        <v>1973</v>
      </c>
      <c r="P165" s="19">
        <v>1</v>
      </c>
      <c r="Q165" s="22"/>
      <c r="R165" s="23">
        <v>45065</v>
      </c>
    </row>
    <row r="166" spans="1:18" ht="14.25" customHeight="1" x14ac:dyDescent="0.2">
      <c r="A166" s="15" t="s">
        <v>7964</v>
      </c>
      <c r="B166" s="10" t="s">
        <v>1806</v>
      </c>
      <c r="C166" s="16">
        <v>1</v>
      </c>
      <c r="D166" s="17">
        <v>511</v>
      </c>
      <c r="E166" s="17">
        <v>1503</v>
      </c>
      <c r="F166" s="17" t="s">
        <v>325</v>
      </c>
      <c r="G166" s="17" t="s">
        <v>6453</v>
      </c>
      <c r="H166" s="17" t="s">
        <v>315</v>
      </c>
      <c r="I166" s="17" t="s">
        <v>4259</v>
      </c>
      <c r="J166" s="18"/>
      <c r="K166" s="19"/>
      <c r="L166" s="25" t="s">
        <v>2009</v>
      </c>
      <c r="M166" s="17" t="s">
        <v>3256</v>
      </c>
      <c r="N166" s="16" t="s">
        <v>9573</v>
      </c>
      <c r="O166" s="21">
        <v>1973</v>
      </c>
      <c r="P166" s="19">
        <v>1</v>
      </c>
      <c r="Q166" s="22"/>
      <c r="R166" s="23">
        <v>45065</v>
      </c>
    </row>
    <row r="167" spans="1:18" ht="14.25" customHeight="1" x14ac:dyDescent="0.2">
      <c r="A167" s="15" t="s">
        <v>7965</v>
      </c>
      <c r="B167" s="10" t="s">
        <v>1806</v>
      </c>
      <c r="C167" s="16">
        <v>1</v>
      </c>
      <c r="D167" s="17">
        <v>511</v>
      </c>
      <c r="E167" s="17">
        <v>1503</v>
      </c>
      <c r="F167" s="17" t="s">
        <v>326</v>
      </c>
      <c r="G167" s="17" t="s">
        <v>6454</v>
      </c>
      <c r="H167" s="17" t="s">
        <v>327</v>
      </c>
      <c r="I167" s="17" t="s">
        <v>4260</v>
      </c>
      <c r="J167" s="18"/>
      <c r="K167" s="19"/>
      <c r="L167" s="25" t="s">
        <v>2010</v>
      </c>
      <c r="M167" s="17" t="s">
        <v>3257</v>
      </c>
      <c r="N167" s="16" t="s">
        <v>9574</v>
      </c>
      <c r="O167" s="21">
        <v>1975</v>
      </c>
      <c r="P167" s="19">
        <v>1</v>
      </c>
      <c r="Q167" s="22"/>
      <c r="R167" s="23">
        <v>45065</v>
      </c>
    </row>
    <row r="168" spans="1:18" ht="14.25" customHeight="1" x14ac:dyDescent="0.2">
      <c r="A168" s="15" t="s">
        <v>7966</v>
      </c>
      <c r="B168" s="10" t="s">
        <v>1806</v>
      </c>
      <c r="C168" s="16">
        <v>1</v>
      </c>
      <c r="D168" s="17">
        <v>511</v>
      </c>
      <c r="E168" s="17">
        <v>1503</v>
      </c>
      <c r="F168" s="17" t="s">
        <v>328</v>
      </c>
      <c r="G168" s="17" t="s">
        <v>6455</v>
      </c>
      <c r="H168" s="17" t="s">
        <v>329</v>
      </c>
      <c r="I168" s="17" t="s">
        <v>4261</v>
      </c>
      <c r="J168" s="18"/>
      <c r="K168" s="19"/>
      <c r="L168" s="25" t="s">
        <v>2011</v>
      </c>
      <c r="M168" s="17" t="s">
        <v>3258</v>
      </c>
      <c r="N168" s="16" t="s">
        <v>9575</v>
      </c>
      <c r="O168" s="21">
        <v>1978</v>
      </c>
      <c r="P168" s="19">
        <v>1</v>
      </c>
      <c r="Q168" s="22"/>
      <c r="R168" s="23">
        <v>45065</v>
      </c>
    </row>
    <row r="169" spans="1:18" ht="14.25" customHeight="1" x14ac:dyDescent="0.2">
      <c r="A169" s="15" t="s">
        <v>7967</v>
      </c>
      <c r="B169" s="10" t="s">
        <v>1806</v>
      </c>
      <c r="C169" s="16">
        <v>1</v>
      </c>
      <c r="D169" s="17">
        <v>511</v>
      </c>
      <c r="E169" s="17">
        <v>1503</v>
      </c>
      <c r="F169" s="17" t="s">
        <v>330</v>
      </c>
      <c r="G169" s="17" t="s">
        <v>6456</v>
      </c>
      <c r="H169" s="17" t="s">
        <v>331</v>
      </c>
      <c r="I169" s="17" t="s">
        <v>4262</v>
      </c>
      <c r="J169" s="18"/>
      <c r="K169" s="19"/>
      <c r="L169" s="25" t="s">
        <v>2012</v>
      </c>
      <c r="M169" s="17" t="s">
        <v>3259</v>
      </c>
      <c r="N169" s="16" t="s">
        <v>9576</v>
      </c>
      <c r="O169" s="21">
        <v>1978</v>
      </c>
      <c r="P169" s="19">
        <v>1</v>
      </c>
      <c r="Q169" s="22"/>
      <c r="R169" s="23">
        <v>45065</v>
      </c>
    </row>
    <row r="170" spans="1:18" ht="14.25" customHeight="1" x14ac:dyDescent="0.2">
      <c r="A170" s="15" t="s">
        <v>7968</v>
      </c>
      <c r="B170" s="10" t="s">
        <v>1806</v>
      </c>
      <c r="C170" s="16">
        <v>1</v>
      </c>
      <c r="D170" s="17">
        <v>511</v>
      </c>
      <c r="E170" s="17">
        <v>1503</v>
      </c>
      <c r="F170" s="17" t="s">
        <v>332</v>
      </c>
      <c r="G170" s="17" t="s">
        <v>6457</v>
      </c>
      <c r="H170" s="17" t="s">
        <v>313</v>
      </c>
      <c r="I170" s="17" t="s">
        <v>4263</v>
      </c>
      <c r="J170" s="18"/>
      <c r="K170" s="19"/>
      <c r="L170" s="25" t="s">
        <v>2013</v>
      </c>
      <c r="M170" s="17" t="s">
        <v>3260</v>
      </c>
      <c r="N170" s="16" t="s">
        <v>9577</v>
      </c>
      <c r="O170" s="21">
        <v>1979</v>
      </c>
      <c r="P170" s="19">
        <v>1</v>
      </c>
      <c r="Q170" s="22"/>
      <c r="R170" s="23">
        <v>45065</v>
      </c>
    </row>
    <row r="171" spans="1:18" ht="14.25" customHeight="1" x14ac:dyDescent="0.2">
      <c r="A171" s="15" t="s">
        <v>7969</v>
      </c>
      <c r="B171" s="10" t="s">
        <v>1806</v>
      </c>
      <c r="C171" s="16">
        <v>1</v>
      </c>
      <c r="D171" s="17">
        <v>511</v>
      </c>
      <c r="E171" s="17">
        <v>1503</v>
      </c>
      <c r="F171" s="17" t="s">
        <v>333</v>
      </c>
      <c r="G171" s="17" t="s">
        <v>6458</v>
      </c>
      <c r="H171" s="17" t="s">
        <v>331</v>
      </c>
      <c r="I171" s="17" t="s">
        <v>4264</v>
      </c>
      <c r="J171" s="18"/>
      <c r="K171" s="19"/>
      <c r="L171" s="25" t="s">
        <v>2014</v>
      </c>
      <c r="M171" s="17" t="s">
        <v>3261</v>
      </c>
      <c r="N171" s="16" t="s">
        <v>9578</v>
      </c>
      <c r="O171" s="21">
        <v>2006</v>
      </c>
      <c r="P171" s="19">
        <v>1</v>
      </c>
      <c r="Q171" s="22"/>
      <c r="R171" s="23">
        <v>45065</v>
      </c>
    </row>
    <row r="172" spans="1:18" ht="14.25" customHeight="1" x14ac:dyDescent="0.2">
      <c r="A172" s="15" t="s">
        <v>7970</v>
      </c>
      <c r="B172" s="10" t="s">
        <v>1806</v>
      </c>
      <c r="C172" s="16">
        <v>1</v>
      </c>
      <c r="D172" s="17">
        <v>511</v>
      </c>
      <c r="E172" s="17">
        <v>1503</v>
      </c>
      <c r="F172" s="17" t="s">
        <v>334</v>
      </c>
      <c r="G172" s="17" t="s">
        <v>6459</v>
      </c>
      <c r="H172" s="17" t="s">
        <v>331</v>
      </c>
      <c r="I172" s="17" t="s">
        <v>4265</v>
      </c>
      <c r="J172" s="18"/>
      <c r="K172" s="19"/>
      <c r="L172" s="25" t="s">
        <v>2015</v>
      </c>
      <c r="M172" s="17" t="s">
        <v>3262</v>
      </c>
      <c r="N172" s="16" t="s">
        <v>9579</v>
      </c>
      <c r="O172" s="21">
        <v>1983</v>
      </c>
      <c r="P172" s="19">
        <v>1</v>
      </c>
      <c r="Q172" s="22"/>
      <c r="R172" s="23">
        <v>45065</v>
      </c>
    </row>
    <row r="173" spans="1:18" ht="14.25" customHeight="1" x14ac:dyDescent="0.2">
      <c r="A173" s="15" t="s">
        <v>7971</v>
      </c>
      <c r="B173" s="10" t="s">
        <v>1806</v>
      </c>
      <c r="C173" s="16">
        <v>1</v>
      </c>
      <c r="D173" s="17">
        <v>511</v>
      </c>
      <c r="E173" s="17">
        <v>1503</v>
      </c>
      <c r="F173" s="17" t="s">
        <v>335</v>
      </c>
      <c r="G173" s="17" t="s">
        <v>6460</v>
      </c>
      <c r="H173" s="17" t="s">
        <v>336</v>
      </c>
      <c r="I173" s="17" t="s">
        <v>4266</v>
      </c>
      <c r="J173" s="18"/>
      <c r="K173" s="19"/>
      <c r="L173" s="25" t="s">
        <v>2016</v>
      </c>
      <c r="M173" s="17" t="s">
        <v>3263</v>
      </c>
      <c r="N173" s="16" t="s">
        <v>9580</v>
      </c>
      <c r="O173" s="21">
        <v>1988</v>
      </c>
      <c r="P173" s="19">
        <v>1</v>
      </c>
      <c r="Q173" s="22"/>
      <c r="R173" s="23">
        <v>45065</v>
      </c>
    </row>
    <row r="174" spans="1:18" ht="14.25" customHeight="1" x14ac:dyDescent="0.2">
      <c r="A174" s="15" t="s">
        <v>7972</v>
      </c>
      <c r="B174" s="10" t="s">
        <v>1806</v>
      </c>
      <c r="C174" s="16">
        <v>1</v>
      </c>
      <c r="D174" s="17">
        <v>511</v>
      </c>
      <c r="E174" s="17">
        <v>1503</v>
      </c>
      <c r="F174" s="17" t="s">
        <v>337</v>
      </c>
      <c r="G174" s="17" t="s">
        <v>6461</v>
      </c>
      <c r="H174" s="17" t="s">
        <v>338</v>
      </c>
      <c r="I174" s="17" t="s">
        <v>4267</v>
      </c>
      <c r="J174" s="18"/>
      <c r="K174" s="19"/>
      <c r="L174" s="25" t="s">
        <v>2017</v>
      </c>
      <c r="M174" s="17" t="s">
        <v>3264</v>
      </c>
      <c r="N174" s="16" t="s">
        <v>9581</v>
      </c>
      <c r="O174" s="21">
        <v>1989</v>
      </c>
      <c r="P174" s="19">
        <v>1</v>
      </c>
      <c r="Q174" s="22"/>
      <c r="R174" s="23">
        <v>45065</v>
      </c>
    </row>
    <row r="175" spans="1:18" ht="14.25" customHeight="1" x14ac:dyDescent="0.2">
      <c r="A175" s="15" t="s">
        <v>7973</v>
      </c>
      <c r="B175" s="10" t="s">
        <v>1806</v>
      </c>
      <c r="C175" s="16">
        <v>1</v>
      </c>
      <c r="D175" s="17">
        <v>511</v>
      </c>
      <c r="E175" s="17">
        <v>1503</v>
      </c>
      <c r="F175" s="17" t="s">
        <v>339</v>
      </c>
      <c r="G175" s="17" t="s">
        <v>6462</v>
      </c>
      <c r="H175" s="17" t="s">
        <v>315</v>
      </c>
      <c r="I175" s="17" t="s">
        <v>4268</v>
      </c>
      <c r="J175" s="18"/>
      <c r="K175" s="19"/>
      <c r="L175" s="25" t="s">
        <v>2018</v>
      </c>
      <c r="M175" s="17" t="s">
        <v>3265</v>
      </c>
      <c r="N175" s="16" t="s">
        <v>9582</v>
      </c>
      <c r="O175" s="21">
        <v>1991</v>
      </c>
      <c r="P175" s="19">
        <v>1</v>
      </c>
      <c r="Q175" s="22"/>
      <c r="R175" s="23">
        <v>45065</v>
      </c>
    </row>
    <row r="176" spans="1:18" ht="14.25" customHeight="1" x14ac:dyDescent="0.2">
      <c r="A176" s="15" t="s">
        <v>7974</v>
      </c>
      <c r="B176" s="10" t="s">
        <v>1806</v>
      </c>
      <c r="C176" s="16">
        <v>1</v>
      </c>
      <c r="D176" s="17">
        <v>511</v>
      </c>
      <c r="E176" s="17">
        <v>1503</v>
      </c>
      <c r="F176" s="17" t="s">
        <v>340</v>
      </c>
      <c r="G176" s="17" t="s">
        <v>6463</v>
      </c>
      <c r="H176" s="17" t="s">
        <v>341</v>
      </c>
      <c r="I176" s="17" t="s">
        <v>4269</v>
      </c>
      <c r="J176" s="18"/>
      <c r="K176" s="19"/>
      <c r="L176" s="25" t="s">
        <v>2019</v>
      </c>
      <c r="M176" s="17" t="s">
        <v>3266</v>
      </c>
      <c r="N176" s="16" t="s">
        <v>9583</v>
      </c>
      <c r="O176" s="21">
        <v>1991</v>
      </c>
      <c r="P176" s="19">
        <v>1</v>
      </c>
      <c r="Q176" s="22"/>
      <c r="R176" s="23">
        <v>45065</v>
      </c>
    </row>
    <row r="177" spans="1:18" ht="14.25" customHeight="1" x14ac:dyDescent="0.2">
      <c r="A177" s="15" t="s">
        <v>7975</v>
      </c>
      <c r="B177" s="10" t="s">
        <v>1806</v>
      </c>
      <c r="C177" s="16">
        <v>1</v>
      </c>
      <c r="D177" s="17">
        <v>511</v>
      </c>
      <c r="E177" s="17">
        <v>1503</v>
      </c>
      <c r="F177" s="17" t="s">
        <v>342</v>
      </c>
      <c r="G177" s="17" t="s">
        <v>6464</v>
      </c>
      <c r="H177" s="17" t="s">
        <v>336</v>
      </c>
      <c r="I177" s="17" t="s">
        <v>4270</v>
      </c>
      <c r="J177" s="18"/>
      <c r="K177" s="19"/>
      <c r="L177" s="25" t="s">
        <v>2020</v>
      </c>
      <c r="M177" s="17" t="s">
        <v>3267</v>
      </c>
      <c r="N177" s="16" t="s">
        <v>9584</v>
      </c>
      <c r="O177" s="21">
        <v>1997</v>
      </c>
      <c r="P177" s="19">
        <v>1</v>
      </c>
      <c r="Q177" s="22"/>
      <c r="R177" s="23">
        <v>45065</v>
      </c>
    </row>
    <row r="178" spans="1:18" ht="14.25" customHeight="1" x14ac:dyDescent="0.2">
      <c r="A178" s="15" t="s">
        <v>7976</v>
      </c>
      <c r="B178" s="10" t="s">
        <v>1806</v>
      </c>
      <c r="C178" s="16">
        <v>1</v>
      </c>
      <c r="D178" s="17">
        <v>511</v>
      </c>
      <c r="E178" s="17">
        <v>1503</v>
      </c>
      <c r="F178" s="17" t="s">
        <v>343</v>
      </c>
      <c r="G178" s="17" t="s">
        <v>6465</v>
      </c>
      <c r="H178" s="17" t="s">
        <v>344</v>
      </c>
      <c r="I178" s="17" t="s">
        <v>4271</v>
      </c>
      <c r="J178" s="18"/>
      <c r="K178" s="19"/>
      <c r="L178" s="25" t="s">
        <v>2021</v>
      </c>
      <c r="M178" s="17" t="s">
        <v>3268</v>
      </c>
      <c r="N178" s="16" t="s">
        <v>9585</v>
      </c>
      <c r="O178" s="21">
        <v>1873</v>
      </c>
      <c r="P178" s="19">
        <v>1</v>
      </c>
      <c r="Q178" s="22"/>
      <c r="R178" s="23">
        <v>45065</v>
      </c>
    </row>
    <row r="179" spans="1:18" ht="14.25" customHeight="1" x14ac:dyDescent="0.2">
      <c r="A179" s="15" t="s">
        <v>7977</v>
      </c>
      <c r="B179" s="10" t="s">
        <v>1806</v>
      </c>
      <c r="C179" s="16">
        <v>1</v>
      </c>
      <c r="D179" s="17">
        <v>511</v>
      </c>
      <c r="E179" s="17">
        <v>1503</v>
      </c>
      <c r="F179" s="17" t="s">
        <v>345</v>
      </c>
      <c r="G179" s="17" t="s">
        <v>6466</v>
      </c>
      <c r="H179" s="17" t="s">
        <v>346</v>
      </c>
      <c r="I179" s="17" t="s">
        <v>4272</v>
      </c>
      <c r="J179" s="18"/>
      <c r="K179" s="19"/>
      <c r="L179" s="25" t="s">
        <v>2022</v>
      </c>
      <c r="M179" s="17" t="s">
        <v>3269</v>
      </c>
      <c r="N179" s="16" t="s">
        <v>9586</v>
      </c>
      <c r="O179" s="21">
        <v>1874</v>
      </c>
      <c r="P179" s="19">
        <v>1</v>
      </c>
      <c r="Q179" s="22"/>
      <c r="R179" s="23">
        <v>45065</v>
      </c>
    </row>
    <row r="180" spans="1:18" ht="14.25" customHeight="1" x14ac:dyDescent="0.2">
      <c r="A180" s="15" t="s">
        <v>7978</v>
      </c>
      <c r="B180" s="10" t="s">
        <v>1806</v>
      </c>
      <c r="C180" s="16">
        <v>1</v>
      </c>
      <c r="D180" s="17">
        <v>511</v>
      </c>
      <c r="E180" s="17">
        <v>1503</v>
      </c>
      <c r="F180" s="17" t="s">
        <v>347</v>
      </c>
      <c r="G180" s="17" t="s">
        <v>6467</v>
      </c>
      <c r="H180" s="17" t="s">
        <v>348</v>
      </c>
      <c r="I180" s="17" t="s">
        <v>4273</v>
      </c>
      <c r="J180" s="18"/>
      <c r="K180" s="19"/>
      <c r="L180" s="25" t="s">
        <v>2023</v>
      </c>
      <c r="M180" s="17" t="s">
        <v>3270</v>
      </c>
      <c r="N180" s="16" t="s">
        <v>9587</v>
      </c>
      <c r="O180" s="21">
        <v>1893</v>
      </c>
      <c r="P180" s="19">
        <v>1</v>
      </c>
      <c r="Q180" s="22"/>
      <c r="R180" s="23">
        <v>45065</v>
      </c>
    </row>
    <row r="181" spans="1:18" ht="14.25" customHeight="1" x14ac:dyDescent="0.2">
      <c r="A181" s="15" t="s">
        <v>7979</v>
      </c>
      <c r="B181" s="10" t="s">
        <v>1806</v>
      </c>
      <c r="C181" s="16">
        <v>1</v>
      </c>
      <c r="D181" s="17">
        <v>511</v>
      </c>
      <c r="E181" s="17">
        <v>1503</v>
      </c>
      <c r="F181" s="17" t="s">
        <v>349</v>
      </c>
      <c r="G181" s="17" t="s">
        <v>6468</v>
      </c>
      <c r="H181" s="17" t="s">
        <v>350</v>
      </c>
      <c r="I181" s="17" t="s">
        <v>4274</v>
      </c>
      <c r="J181" s="18"/>
      <c r="K181" s="19"/>
      <c r="L181" s="25" t="s">
        <v>2024</v>
      </c>
      <c r="M181" s="17" t="s">
        <v>3271</v>
      </c>
      <c r="N181" s="16" t="s">
        <v>9588</v>
      </c>
      <c r="O181" s="21">
        <v>1873</v>
      </c>
      <c r="P181" s="19">
        <v>1</v>
      </c>
      <c r="Q181" s="22"/>
      <c r="R181" s="23">
        <v>45065</v>
      </c>
    </row>
    <row r="182" spans="1:18" ht="14.25" customHeight="1" x14ac:dyDescent="0.2">
      <c r="A182" s="15" t="s">
        <v>7980</v>
      </c>
      <c r="B182" s="10" t="s">
        <v>1806</v>
      </c>
      <c r="C182" s="16">
        <v>1</v>
      </c>
      <c r="D182" s="17">
        <v>511</v>
      </c>
      <c r="E182" s="17">
        <v>1503</v>
      </c>
      <c r="F182" s="17" t="s">
        <v>351</v>
      </c>
      <c r="G182" s="17" t="s">
        <v>6469</v>
      </c>
      <c r="H182" s="17" t="s">
        <v>352</v>
      </c>
      <c r="I182" s="17" t="s">
        <v>4275</v>
      </c>
      <c r="J182" s="18"/>
      <c r="K182" s="19"/>
      <c r="L182" s="25" t="s">
        <v>5174</v>
      </c>
      <c r="M182" s="17" t="s">
        <v>3272</v>
      </c>
      <c r="N182" s="16" t="s">
        <v>9589</v>
      </c>
      <c r="O182" s="21">
        <v>1900</v>
      </c>
      <c r="P182" s="19">
        <v>1</v>
      </c>
      <c r="Q182" s="22"/>
      <c r="R182" s="23">
        <v>45065</v>
      </c>
    </row>
    <row r="183" spans="1:18" ht="14.25" customHeight="1" x14ac:dyDescent="0.2">
      <c r="A183" s="15" t="s">
        <v>7981</v>
      </c>
      <c r="B183" s="10" t="s">
        <v>1806</v>
      </c>
      <c r="C183" s="16">
        <v>1</v>
      </c>
      <c r="D183" s="17">
        <v>511</v>
      </c>
      <c r="E183" s="17">
        <v>1503</v>
      </c>
      <c r="F183" s="17" t="s">
        <v>353</v>
      </c>
      <c r="G183" s="17" t="s">
        <v>6470</v>
      </c>
      <c r="H183" s="17" t="s">
        <v>354</v>
      </c>
      <c r="I183" s="17" t="s">
        <v>4276</v>
      </c>
      <c r="J183" s="18"/>
      <c r="K183" s="19"/>
      <c r="L183" s="25" t="s">
        <v>2025</v>
      </c>
      <c r="M183" s="17" t="s">
        <v>3273</v>
      </c>
      <c r="N183" s="16" t="s">
        <v>9590</v>
      </c>
      <c r="O183" s="21">
        <v>1949</v>
      </c>
      <c r="P183" s="19">
        <v>1</v>
      </c>
      <c r="Q183" s="22"/>
      <c r="R183" s="23">
        <v>45065</v>
      </c>
    </row>
    <row r="184" spans="1:18" ht="14.25" customHeight="1" x14ac:dyDescent="0.2">
      <c r="A184" s="15" t="s">
        <v>7982</v>
      </c>
      <c r="B184" s="10" t="s">
        <v>1806</v>
      </c>
      <c r="C184" s="16">
        <v>1</v>
      </c>
      <c r="D184" s="17">
        <v>511</v>
      </c>
      <c r="E184" s="17">
        <v>1503</v>
      </c>
      <c r="F184" s="17" t="s">
        <v>355</v>
      </c>
      <c r="G184" s="17" t="s">
        <v>6471</v>
      </c>
      <c r="H184" s="17" t="s">
        <v>356</v>
      </c>
      <c r="I184" s="17" t="s">
        <v>4277</v>
      </c>
      <c r="J184" s="18"/>
      <c r="K184" s="19"/>
      <c r="L184" s="25" t="s">
        <v>2026</v>
      </c>
      <c r="M184" s="17" t="s">
        <v>3274</v>
      </c>
      <c r="N184" s="16" t="s">
        <v>9591</v>
      </c>
      <c r="O184" s="21">
        <v>1951</v>
      </c>
      <c r="P184" s="19">
        <v>1</v>
      </c>
      <c r="Q184" s="22"/>
      <c r="R184" s="23">
        <v>45065</v>
      </c>
    </row>
    <row r="185" spans="1:18" ht="14.25" customHeight="1" x14ac:dyDescent="0.2">
      <c r="A185" s="15" t="s">
        <v>7983</v>
      </c>
      <c r="B185" s="10" t="s">
        <v>1806</v>
      </c>
      <c r="C185" s="16">
        <v>1</v>
      </c>
      <c r="D185" s="17">
        <v>511</v>
      </c>
      <c r="E185" s="17">
        <v>1503</v>
      </c>
      <c r="F185" s="17" t="s">
        <v>357</v>
      </c>
      <c r="G185" s="17" t="s">
        <v>6472</v>
      </c>
      <c r="H185" s="17" t="s">
        <v>354</v>
      </c>
      <c r="I185" s="17" t="s">
        <v>4278</v>
      </c>
      <c r="J185" s="18"/>
      <c r="K185" s="19"/>
      <c r="L185" s="25" t="s">
        <v>2027</v>
      </c>
      <c r="M185" s="17" t="s">
        <v>3275</v>
      </c>
      <c r="N185" s="16" t="s">
        <v>9592</v>
      </c>
      <c r="O185" s="21">
        <v>1951</v>
      </c>
      <c r="P185" s="19">
        <v>1</v>
      </c>
      <c r="Q185" s="22"/>
      <c r="R185" s="23">
        <v>45065</v>
      </c>
    </row>
    <row r="186" spans="1:18" ht="14.25" customHeight="1" x14ac:dyDescent="0.2">
      <c r="A186" s="15" t="s">
        <v>7984</v>
      </c>
      <c r="B186" s="10" t="s">
        <v>1806</v>
      </c>
      <c r="C186" s="16">
        <v>1</v>
      </c>
      <c r="D186" s="17">
        <v>511</v>
      </c>
      <c r="E186" s="17">
        <v>1503</v>
      </c>
      <c r="F186" s="17" t="s">
        <v>358</v>
      </c>
      <c r="G186" s="17" t="s">
        <v>6473</v>
      </c>
      <c r="H186" s="17" t="s">
        <v>359</v>
      </c>
      <c r="I186" s="17" t="s">
        <v>4279</v>
      </c>
      <c r="J186" s="18"/>
      <c r="K186" s="19"/>
      <c r="L186" s="25" t="s">
        <v>2028</v>
      </c>
      <c r="M186" s="17" t="s">
        <v>3276</v>
      </c>
      <c r="N186" s="16" t="s">
        <v>9593</v>
      </c>
      <c r="O186" s="21">
        <v>1961</v>
      </c>
      <c r="P186" s="19">
        <v>1</v>
      </c>
      <c r="Q186" s="22"/>
      <c r="R186" s="23">
        <v>45065</v>
      </c>
    </row>
    <row r="187" spans="1:18" ht="14.25" customHeight="1" x14ac:dyDescent="0.2">
      <c r="A187" s="15" t="s">
        <v>7985</v>
      </c>
      <c r="B187" s="10" t="s">
        <v>1806</v>
      </c>
      <c r="C187" s="16">
        <v>1</v>
      </c>
      <c r="D187" s="17">
        <v>511</v>
      </c>
      <c r="E187" s="17">
        <v>1503</v>
      </c>
      <c r="F187" s="17" t="s">
        <v>360</v>
      </c>
      <c r="G187" s="17" t="s">
        <v>6474</v>
      </c>
      <c r="H187" s="17" t="s">
        <v>361</v>
      </c>
      <c r="I187" s="17" t="s">
        <v>4280</v>
      </c>
      <c r="J187" s="18"/>
      <c r="K187" s="19"/>
      <c r="L187" s="25" t="s">
        <v>2029</v>
      </c>
      <c r="M187" s="17" t="s">
        <v>3277</v>
      </c>
      <c r="N187" s="16" t="s">
        <v>9594</v>
      </c>
      <c r="O187" s="21">
        <v>1962</v>
      </c>
      <c r="P187" s="19">
        <v>1</v>
      </c>
      <c r="Q187" s="22"/>
      <c r="R187" s="23">
        <v>45065</v>
      </c>
    </row>
    <row r="188" spans="1:18" ht="14.25" customHeight="1" x14ac:dyDescent="0.2">
      <c r="A188" s="15" t="s">
        <v>7986</v>
      </c>
      <c r="B188" s="10" t="s">
        <v>1806</v>
      </c>
      <c r="C188" s="16">
        <v>1</v>
      </c>
      <c r="D188" s="17">
        <v>511</v>
      </c>
      <c r="E188" s="17">
        <v>1503</v>
      </c>
      <c r="F188" s="17" t="s">
        <v>362</v>
      </c>
      <c r="G188" s="17" t="s">
        <v>6475</v>
      </c>
      <c r="H188" s="17" t="s">
        <v>363</v>
      </c>
      <c r="I188" s="17" t="s">
        <v>4281</v>
      </c>
      <c r="J188" s="18"/>
      <c r="K188" s="19"/>
      <c r="L188" s="25" t="s">
        <v>2030</v>
      </c>
      <c r="M188" s="17" t="s">
        <v>3278</v>
      </c>
      <c r="N188" s="16" t="s">
        <v>9595</v>
      </c>
      <c r="O188" s="21">
        <v>1965</v>
      </c>
      <c r="P188" s="19">
        <v>1</v>
      </c>
      <c r="Q188" s="22"/>
      <c r="R188" s="23">
        <v>45065</v>
      </c>
    </row>
    <row r="189" spans="1:18" ht="14.25" customHeight="1" x14ac:dyDescent="0.2">
      <c r="A189" s="15" t="s">
        <v>7987</v>
      </c>
      <c r="B189" s="10" t="s">
        <v>1806</v>
      </c>
      <c r="C189" s="16">
        <v>1</v>
      </c>
      <c r="D189" s="17">
        <v>511</v>
      </c>
      <c r="E189" s="17">
        <v>1503</v>
      </c>
      <c r="F189" s="17" t="s">
        <v>364</v>
      </c>
      <c r="G189" s="17" t="s">
        <v>6476</v>
      </c>
      <c r="H189" s="17" t="s">
        <v>344</v>
      </c>
      <c r="I189" s="17" t="s">
        <v>4282</v>
      </c>
      <c r="J189" s="18"/>
      <c r="K189" s="19"/>
      <c r="L189" s="25" t="s">
        <v>2031</v>
      </c>
      <c r="M189" s="17" t="s">
        <v>3279</v>
      </c>
      <c r="N189" s="16" t="s">
        <v>9596</v>
      </c>
      <c r="O189" s="21">
        <v>1967</v>
      </c>
      <c r="P189" s="19">
        <v>1</v>
      </c>
      <c r="Q189" s="22"/>
      <c r="R189" s="23">
        <v>45065</v>
      </c>
    </row>
    <row r="190" spans="1:18" ht="14.25" customHeight="1" x14ac:dyDescent="0.2">
      <c r="A190" s="15" t="s">
        <v>7988</v>
      </c>
      <c r="B190" s="10" t="s">
        <v>1806</v>
      </c>
      <c r="C190" s="16">
        <v>1</v>
      </c>
      <c r="D190" s="17">
        <v>511</v>
      </c>
      <c r="E190" s="17">
        <v>1503</v>
      </c>
      <c r="F190" s="17" t="s">
        <v>365</v>
      </c>
      <c r="G190" s="17" t="s">
        <v>6477</v>
      </c>
      <c r="H190" s="17" t="s">
        <v>366</v>
      </c>
      <c r="I190" s="17" t="s">
        <v>4283</v>
      </c>
      <c r="J190" s="18"/>
      <c r="K190" s="19"/>
      <c r="L190" s="25" t="s">
        <v>2032</v>
      </c>
      <c r="M190" s="17" t="s">
        <v>3280</v>
      </c>
      <c r="N190" s="16" t="s">
        <v>9597</v>
      </c>
      <c r="O190" s="21">
        <v>1969</v>
      </c>
      <c r="P190" s="19">
        <v>1</v>
      </c>
      <c r="Q190" s="22"/>
      <c r="R190" s="23">
        <v>45065</v>
      </c>
    </row>
    <row r="191" spans="1:18" ht="14.25" customHeight="1" x14ac:dyDescent="0.2">
      <c r="A191" s="15" t="s">
        <v>7989</v>
      </c>
      <c r="B191" s="10" t="s">
        <v>1806</v>
      </c>
      <c r="C191" s="16">
        <v>1</v>
      </c>
      <c r="D191" s="17">
        <v>511</v>
      </c>
      <c r="E191" s="17">
        <v>1503</v>
      </c>
      <c r="F191" s="17" t="s">
        <v>367</v>
      </c>
      <c r="G191" s="17" t="s">
        <v>6478</v>
      </c>
      <c r="H191" s="17" t="s">
        <v>368</v>
      </c>
      <c r="I191" s="17" t="s">
        <v>4284</v>
      </c>
      <c r="J191" s="18"/>
      <c r="K191" s="19"/>
      <c r="L191" s="25" t="s">
        <v>2033</v>
      </c>
      <c r="M191" s="17" t="s">
        <v>3281</v>
      </c>
      <c r="N191" s="16" t="s">
        <v>9598</v>
      </c>
      <c r="O191" s="21">
        <v>1971</v>
      </c>
      <c r="P191" s="19">
        <v>1</v>
      </c>
      <c r="Q191" s="22"/>
      <c r="R191" s="23">
        <v>45065</v>
      </c>
    </row>
    <row r="192" spans="1:18" ht="14.25" customHeight="1" x14ac:dyDescent="0.2">
      <c r="A192" s="15" t="s">
        <v>7990</v>
      </c>
      <c r="B192" s="10" t="s">
        <v>1806</v>
      </c>
      <c r="C192" s="16">
        <v>1</v>
      </c>
      <c r="D192" s="17">
        <v>511</v>
      </c>
      <c r="E192" s="17">
        <v>1503</v>
      </c>
      <c r="F192" s="17" t="s">
        <v>369</v>
      </c>
      <c r="G192" s="17" t="s">
        <v>6479</v>
      </c>
      <c r="H192" s="17" t="s">
        <v>370</v>
      </c>
      <c r="I192" s="17" t="s">
        <v>4285</v>
      </c>
      <c r="J192" s="18"/>
      <c r="K192" s="19"/>
      <c r="L192" s="25" t="s">
        <v>2034</v>
      </c>
      <c r="M192" s="17" t="s">
        <v>3282</v>
      </c>
      <c r="N192" s="16" t="s">
        <v>9599</v>
      </c>
      <c r="O192" s="21">
        <v>1971</v>
      </c>
      <c r="P192" s="19">
        <v>1</v>
      </c>
      <c r="Q192" s="22"/>
      <c r="R192" s="23">
        <v>45065</v>
      </c>
    </row>
    <row r="193" spans="1:18" ht="14.25" customHeight="1" x14ac:dyDescent="0.2">
      <c r="A193" s="15" t="s">
        <v>7991</v>
      </c>
      <c r="B193" s="10" t="s">
        <v>1806</v>
      </c>
      <c r="C193" s="16">
        <v>1</v>
      </c>
      <c r="D193" s="17">
        <v>511</v>
      </c>
      <c r="E193" s="17">
        <v>1503</v>
      </c>
      <c r="F193" s="17" t="s">
        <v>371</v>
      </c>
      <c r="G193" s="17" t="s">
        <v>6480</v>
      </c>
      <c r="H193" s="17" t="s">
        <v>372</v>
      </c>
      <c r="I193" s="17" t="s">
        <v>4286</v>
      </c>
      <c r="J193" s="18"/>
      <c r="K193" s="19"/>
      <c r="L193" s="25" t="s">
        <v>2035</v>
      </c>
      <c r="M193" s="17" t="s">
        <v>3283</v>
      </c>
      <c r="N193" s="16" t="s">
        <v>9600</v>
      </c>
      <c r="O193" s="21">
        <v>1972</v>
      </c>
      <c r="P193" s="19">
        <v>1</v>
      </c>
      <c r="Q193" s="22"/>
      <c r="R193" s="23">
        <v>45065</v>
      </c>
    </row>
    <row r="194" spans="1:18" ht="14.25" customHeight="1" x14ac:dyDescent="0.2">
      <c r="A194" s="15" t="s">
        <v>7992</v>
      </c>
      <c r="B194" s="10" t="s">
        <v>1806</v>
      </c>
      <c r="C194" s="16">
        <v>1</v>
      </c>
      <c r="D194" s="17">
        <v>511</v>
      </c>
      <c r="E194" s="17">
        <v>1503</v>
      </c>
      <c r="F194" s="17" t="s">
        <v>373</v>
      </c>
      <c r="G194" s="17" t="s">
        <v>6481</v>
      </c>
      <c r="H194" s="17" t="s">
        <v>374</v>
      </c>
      <c r="I194" s="17" t="s">
        <v>4287</v>
      </c>
      <c r="J194" s="18"/>
      <c r="K194" s="19"/>
      <c r="L194" s="25" t="s">
        <v>2036</v>
      </c>
      <c r="M194" s="17" t="s">
        <v>3284</v>
      </c>
      <c r="N194" s="16" t="s">
        <v>9601</v>
      </c>
      <c r="O194" s="21">
        <v>1973</v>
      </c>
      <c r="P194" s="19">
        <v>1</v>
      </c>
      <c r="Q194" s="22"/>
      <c r="R194" s="23">
        <v>45065</v>
      </c>
    </row>
    <row r="195" spans="1:18" ht="14.25" customHeight="1" x14ac:dyDescent="0.2">
      <c r="A195" s="15" t="s">
        <v>7993</v>
      </c>
      <c r="B195" s="10" t="s">
        <v>1806</v>
      </c>
      <c r="C195" s="16">
        <v>1</v>
      </c>
      <c r="D195" s="17">
        <v>511</v>
      </c>
      <c r="E195" s="17">
        <v>1503</v>
      </c>
      <c r="F195" s="17" t="s">
        <v>375</v>
      </c>
      <c r="G195" s="17" t="s">
        <v>6482</v>
      </c>
      <c r="H195" s="17" t="s">
        <v>344</v>
      </c>
      <c r="I195" s="17" t="s">
        <v>4288</v>
      </c>
      <c r="J195" s="18"/>
      <c r="K195" s="19"/>
      <c r="L195" s="25" t="s">
        <v>2037</v>
      </c>
      <c r="M195" s="17" t="s">
        <v>3285</v>
      </c>
      <c r="N195" s="16" t="s">
        <v>9602</v>
      </c>
      <c r="O195" s="21">
        <v>1973</v>
      </c>
      <c r="P195" s="19">
        <v>1</v>
      </c>
      <c r="Q195" s="22"/>
      <c r="R195" s="23">
        <v>45065</v>
      </c>
    </row>
    <row r="196" spans="1:18" ht="14.25" customHeight="1" x14ac:dyDescent="0.2">
      <c r="A196" s="15" t="s">
        <v>7994</v>
      </c>
      <c r="B196" s="10" t="s">
        <v>1806</v>
      </c>
      <c r="C196" s="16">
        <v>1</v>
      </c>
      <c r="D196" s="17">
        <v>511</v>
      </c>
      <c r="E196" s="17">
        <v>1503</v>
      </c>
      <c r="F196" s="17" t="s">
        <v>376</v>
      </c>
      <c r="G196" s="17" t="s">
        <v>6483</v>
      </c>
      <c r="H196" s="17" t="s">
        <v>377</v>
      </c>
      <c r="I196" s="17" t="s">
        <v>4289</v>
      </c>
      <c r="J196" s="18"/>
      <c r="K196" s="19"/>
      <c r="L196" s="25" t="s">
        <v>2038</v>
      </c>
      <c r="M196" s="17" t="s">
        <v>3286</v>
      </c>
      <c r="N196" s="16" t="s">
        <v>9603</v>
      </c>
      <c r="O196" s="21">
        <v>1974</v>
      </c>
      <c r="P196" s="19">
        <v>1</v>
      </c>
      <c r="Q196" s="22"/>
      <c r="R196" s="23">
        <v>45065</v>
      </c>
    </row>
    <row r="197" spans="1:18" ht="14.25" customHeight="1" x14ac:dyDescent="0.2">
      <c r="A197" s="15" t="s">
        <v>7995</v>
      </c>
      <c r="B197" s="10" t="s">
        <v>1806</v>
      </c>
      <c r="C197" s="16">
        <v>1</v>
      </c>
      <c r="D197" s="17">
        <v>511</v>
      </c>
      <c r="E197" s="17">
        <v>1503</v>
      </c>
      <c r="F197" s="17" t="s">
        <v>378</v>
      </c>
      <c r="G197" s="17" t="s">
        <v>6484</v>
      </c>
      <c r="H197" s="17" t="s">
        <v>350</v>
      </c>
      <c r="I197" s="17" t="s">
        <v>4290</v>
      </c>
      <c r="J197" s="18"/>
      <c r="K197" s="19"/>
      <c r="L197" s="25" t="s">
        <v>2039</v>
      </c>
      <c r="M197" s="17" t="s">
        <v>3287</v>
      </c>
      <c r="N197" s="16" t="s">
        <v>9604</v>
      </c>
      <c r="O197" s="21">
        <v>1976</v>
      </c>
      <c r="P197" s="19">
        <v>1</v>
      </c>
      <c r="Q197" s="22"/>
      <c r="R197" s="23">
        <v>45065</v>
      </c>
    </row>
    <row r="198" spans="1:18" ht="14.25" customHeight="1" x14ac:dyDescent="0.2">
      <c r="A198" s="15" t="s">
        <v>7996</v>
      </c>
      <c r="B198" s="10" t="s">
        <v>1806</v>
      </c>
      <c r="C198" s="16">
        <v>1</v>
      </c>
      <c r="D198" s="17">
        <v>511</v>
      </c>
      <c r="E198" s="17">
        <v>1503</v>
      </c>
      <c r="F198" s="17" t="s">
        <v>379</v>
      </c>
      <c r="G198" s="17" t="s">
        <v>6485</v>
      </c>
      <c r="H198" s="17" t="s">
        <v>380</v>
      </c>
      <c r="I198" s="17" t="s">
        <v>4291</v>
      </c>
      <c r="J198" s="18"/>
      <c r="K198" s="19"/>
      <c r="L198" s="25" t="s">
        <v>2040</v>
      </c>
      <c r="M198" s="17" t="s">
        <v>3288</v>
      </c>
      <c r="N198" s="16" t="s">
        <v>9605</v>
      </c>
      <c r="O198" s="28">
        <v>1977</v>
      </c>
      <c r="P198" s="19">
        <v>1</v>
      </c>
      <c r="Q198" s="22"/>
      <c r="R198" s="23">
        <v>45065</v>
      </c>
    </row>
    <row r="199" spans="1:18" ht="14.25" customHeight="1" x14ac:dyDescent="0.2">
      <c r="A199" s="15" t="s">
        <v>7997</v>
      </c>
      <c r="B199" s="10" t="s">
        <v>1806</v>
      </c>
      <c r="C199" s="16">
        <v>1</v>
      </c>
      <c r="D199" s="17">
        <v>511</v>
      </c>
      <c r="E199" s="17">
        <v>1503</v>
      </c>
      <c r="F199" s="17" t="s">
        <v>381</v>
      </c>
      <c r="G199" s="17" t="s">
        <v>6486</v>
      </c>
      <c r="H199" s="17" t="s">
        <v>356</v>
      </c>
      <c r="I199" s="17" t="s">
        <v>4292</v>
      </c>
      <c r="J199" s="18"/>
      <c r="K199" s="19"/>
      <c r="L199" s="25" t="s">
        <v>2041</v>
      </c>
      <c r="M199" s="17" t="s">
        <v>3289</v>
      </c>
      <c r="N199" s="16" t="s">
        <v>9606</v>
      </c>
      <c r="O199" s="21">
        <v>1978</v>
      </c>
      <c r="P199" s="19">
        <v>1</v>
      </c>
      <c r="Q199" s="22"/>
      <c r="R199" s="23">
        <v>45065</v>
      </c>
    </row>
    <row r="200" spans="1:18" ht="14.25" customHeight="1" x14ac:dyDescent="0.2">
      <c r="A200" s="15" t="s">
        <v>7998</v>
      </c>
      <c r="B200" s="10" t="s">
        <v>1806</v>
      </c>
      <c r="C200" s="16">
        <v>1</v>
      </c>
      <c r="D200" s="17">
        <v>511</v>
      </c>
      <c r="E200" s="17">
        <v>1503</v>
      </c>
      <c r="F200" s="17" t="s">
        <v>382</v>
      </c>
      <c r="G200" s="17" t="s">
        <v>6487</v>
      </c>
      <c r="H200" s="17" t="s">
        <v>348</v>
      </c>
      <c r="I200" s="17" t="s">
        <v>4293</v>
      </c>
      <c r="J200" s="18"/>
      <c r="K200" s="19"/>
      <c r="L200" s="25" t="s">
        <v>2042</v>
      </c>
      <c r="M200" s="17" t="s">
        <v>3290</v>
      </c>
      <c r="N200" s="16" t="s">
        <v>9607</v>
      </c>
      <c r="O200" s="21">
        <v>1978</v>
      </c>
      <c r="P200" s="19">
        <v>1</v>
      </c>
      <c r="Q200" s="22"/>
      <c r="R200" s="23">
        <v>45065</v>
      </c>
    </row>
    <row r="201" spans="1:18" ht="14.25" customHeight="1" x14ac:dyDescent="0.2">
      <c r="A201" s="15" t="s">
        <v>7999</v>
      </c>
      <c r="B201" s="10" t="s">
        <v>1806</v>
      </c>
      <c r="C201" s="16">
        <v>1</v>
      </c>
      <c r="D201" s="17">
        <v>511</v>
      </c>
      <c r="E201" s="17">
        <v>1503</v>
      </c>
      <c r="F201" s="17" t="s">
        <v>383</v>
      </c>
      <c r="G201" s="17" t="s">
        <v>6488</v>
      </c>
      <c r="H201" s="17" t="s">
        <v>384</v>
      </c>
      <c r="I201" s="17" t="s">
        <v>4294</v>
      </c>
      <c r="J201" s="18"/>
      <c r="K201" s="19"/>
      <c r="L201" s="25" t="s">
        <v>2043</v>
      </c>
      <c r="M201" s="17" t="s">
        <v>3291</v>
      </c>
      <c r="N201" s="16" t="s">
        <v>9608</v>
      </c>
      <c r="O201" s="21">
        <v>1980</v>
      </c>
      <c r="P201" s="19">
        <v>1</v>
      </c>
      <c r="Q201" s="22"/>
      <c r="R201" s="23">
        <v>45065</v>
      </c>
    </row>
    <row r="202" spans="1:18" s="29" customFormat="1" ht="14.25" customHeight="1" x14ac:dyDescent="0.2">
      <c r="A202" s="15" t="s">
        <v>8000</v>
      </c>
      <c r="B202" s="10" t="s">
        <v>1806</v>
      </c>
      <c r="C202" s="16">
        <v>1</v>
      </c>
      <c r="D202" s="17">
        <v>511</v>
      </c>
      <c r="E202" s="17">
        <v>1503</v>
      </c>
      <c r="F202" s="17" t="s">
        <v>385</v>
      </c>
      <c r="G202" s="17" t="s">
        <v>6489</v>
      </c>
      <c r="H202" s="17" t="s">
        <v>386</v>
      </c>
      <c r="I202" s="17" t="s">
        <v>4295</v>
      </c>
      <c r="J202" s="18"/>
      <c r="K202" s="19"/>
      <c r="L202" s="25" t="s">
        <v>2044</v>
      </c>
      <c r="M202" s="17" t="s">
        <v>3292</v>
      </c>
      <c r="N202" s="16" t="s">
        <v>9609</v>
      </c>
      <c r="O202" s="21">
        <v>1983</v>
      </c>
      <c r="P202" s="19">
        <v>1</v>
      </c>
      <c r="Q202" s="22"/>
      <c r="R202" s="23">
        <v>45065</v>
      </c>
    </row>
    <row r="203" spans="1:18" s="29" customFormat="1" ht="14.25" customHeight="1" x14ac:dyDescent="0.2">
      <c r="A203" s="15" t="s">
        <v>8001</v>
      </c>
      <c r="B203" s="10" t="s">
        <v>1806</v>
      </c>
      <c r="C203" s="16">
        <v>1</v>
      </c>
      <c r="D203" s="17">
        <v>511</v>
      </c>
      <c r="E203" s="17">
        <v>1503</v>
      </c>
      <c r="F203" s="25" t="s">
        <v>387</v>
      </c>
      <c r="G203" s="26" t="s">
        <v>6490</v>
      </c>
      <c r="H203" s="25" t="s">
        <v>388</v>
      </c>
      <c r="I203" s="25" t="s">
        <v>4296</v>
      </c>
      <c r="J203" s="18"/>
      <c r="K203" s="19"/>
      <c r="L203" s="25" t="s">
        <v>2045</v>
      </c>
      <c r="M203" s="25" t="s">
        <v>3293</v>
      </c>
      <c r="N203" s="16" t="s">
        <v>9610</v>
      </c>
      <c r="O203" s="21">
        <v>1872</v>
      </c>
      <c r="P203" s="19">
        <v>1</v>
      </c>
      <c r="Q203" s="22"/>
      <c r="R203" s="23">
        <v>45065</v>
      </c>
    </row>
    <row r="204" spans="1:18" s="29" customFormat="1" ht="14.25" customHeight="1" x14ac:dyDescent="0.2">
      <c r="A204" s="15" t="s">
        <v>8002</v>
      </c>
      <c r="B204" s="10" t="s">
        <v>1806</v>
      </c>
      <c r="C204" s="16">
        <v>1</v>
      </c>
      <c r="D204" s="17">
        <v>511</v>
      </c>
      <c r="E204" s="17">
        <v>1503</v>
      </c>
      <c r="F204" s="25" t="s">
        <v>389</v>
      </c>
      <c r="G204" s="26" t="s">
        <v>6491</v>
      </c>
      <c r="H204" s="25" t="s">
        <v>390</v>
      </c>
      <c r="I204" s="25" t="s">
        <v>4297</v>
      </c>
      <c r="J204" s="18"/>
      <c r="K204" s="19"/>
      <c r="L204" s="25" t="s">
        <v>2046</v>
      </c>
      <c r="M204" s="25" t="s">
        <v>3294</v>
      </c>
      <c r="N204" s="16" t="s">
        <v>9611</v>
      </c>
      <c r="O204" s="21">
        <v>1945</v>
      </c>
      <c r="P204" s="19">
        <v>1</v>
      </c>
      <c r="Q204" s="22"/>
      <c r="R204" s="23">
        <v>45065</v>
      </c>
    </row>
    <row r="205" spans="1:18" s="29" customFormat="1" ht="14.25" customHeight="1" x14ac:dyDescent="0.2">
      <c r="A205" s="15" t="s">
        <v>8003</v>
      </c>
      <c r="B205" s="10" t="s">
        <v>1806</v>
      </c>
      <c r="C205" s="16">
        <v>1</v>
      </c>
      <c r="D205" s="17">
        <v>511</v>
      </c>
      <c r="E205" s="17">
        <v>1503</v>
      </c>
      <c r="F205" s="25" t="s">
        <v>391</v>
      </c>
      <c r="G205" s="26" t="s">
        <v>6492</v>
      </c>
      <c r="H205" s="25" t="s">
        <v>392</v>
      </c>
      <c r="I205" s="25" t="s">
        <v>4298</v>
      </c>
      <c r="J205" s="18"/>
      <c r="K205" s="19"/>
      <c r="L205" s="25" t="s">
        <v>2047</v>
      </c>
      <c r="M205" s="25" t="s">
        <v>3295</v>
      </c>
      <c r="N205" s="16" t="s">
        <v>9612</v>
      </c>
      <c r="O205" s="21">
        <v>1874</v>
      </c>
      <c r="P205" s="19">
        <v>1</v>
      </c>
      <c r="Q205" s="22"/>
      <c r="R205" s="23">
        <v>45065</v>
      </c>
    </row>
    <row r="206" spans="1:18" s="29" customFormat="1" ht="14.25" customHeight="1" x14ac:dyDescent="0.2">
      <c r="A206" s="15" t="s">
        <v>8004</v>
      </c>
      <c r="B206" s="10" t="s">
        <v>1806</v>
      </c>
      <c r="C206" s="16">
        <v>1</v>
      </c>
      <c r="D206" s="17">
        <v>511</v>
      </c>
      <c r="E206" s="17">
        <v>1503</v>
      </c>
      <c r="F206" s="25" t="s">
        <v>393</v>
      </c>
      <c r="G206" s="26" t="s">
        <v>6493</v>
      </c>
      <c r="H206" s="25" t="s">
        <v>394</v>
      </c>
      <c r="I206" s="25" t="s">
        <v>4299</v>
      </c>
      <c r="J206" s="18"/>
      <c r="K206" s="19"/>
      <c r="L206" s="25" t="s">
        <v>2048</v>
      </c>
      <c r="M206" s="25" t="s">
        <v>3296</v>
      </c>
      <c r="N206" s="16" t="s">
        <v>9613</v>
      </c>
      <c r="O206" s="21">
        <v>1889</v>
      </c>
      <c r="P206" s="19">
        <v>1</v>
      </c>
      <c r="Q206" s="22"/>
      <c r="R206" s="23">
        <v>45065</v>
      </c>
    </row>
    <row r="207" spans="1:18" s="29" customFormat="1" ht="14.25" customHeight="1" x14ac:dyDescent="0.2">
      <c r="A207" s="15" t="s">
        <v>8005</v>
      </c>
      <c r="B207" s="10" t="s">
        <v>1806</v>
      </c>
      <c r="C207" s="16">
        <v>1</v>
      </c>
      <c r="D207" s="17">
        <v>511</v>
      </c>
      <c r="E207" s="17">
        <v>1503</v>
      </c>
      <c r="F207" s="25" t="s">
        <v>395</v>
      </c>
      <c r="G207" s="26" t="s">
        <v>6494</v>
      </c>
      <c r="H207" s="25" t="s">
        <v>396</v>
      </c>
      <c r="I207" s="25" t="s">
        <v>4300</v>
      </c>
      <c r="J207" s="18"/>
      <c r="K207" s="19"/>
      <c r="L207" s="25" t="s">
        <v>2049</v>
      </c>
      <c r="M207" s="25" t="s">
        <v>3297</v>
      </c>
      <c r="N207" s="16" t="s">
        <v>9614</v>
      </c>
      <c r="O207" s="21">
        <v>2001</v>
      </c>
      <c r="P207" s="19">
        <v>1</v>
      </c>
      <c r="Q207" s="22"/>
      <c r="R207" s="23">
        <v>45065</v>
      </c>
    </row>
    <row r="208" spans="1:18" s="29" customFormat="1" ht="14.25" customHeight="1" x14ac:dyDescent="0.2">
      <c r="A208" s="15" t="s">
        <v>8006</v>
      </c>
      <c r="B208" s="10" t="s">
        <v>1806</v>
      </c>
      <c r="C208" s="16">
        <v>1</v>
      </c>
      <c r="D208" s="17">
        <v>511</v>
      </c>
      <c r="E208" s="17">
        <v>1503</v>
      </c>
      <c r="F208" s="25" t="s">
        <v>397</v>
      </c>
      <c r="G208" s="26" t="s">
        <v>6495</v>
      </c>
      <c r="H208" s="25" t="s">
        <v>398</v>
      </c>
      <c r="I208" s="25" t="s">
        <v>4301</v>
      </c>
      <c r="J208" s="18"/>
      <c r="K208" s="19"/>
      <c r="L208" s="25" t="s">
        <v>2050</v>
      </c>
      <c r="M208" s="25" t="s">
        <v>3298</v>
      </c>
      <c r="N208" s="16" t="s">
        <v>9615</v>
      </c>
      <c r="O208" s="21">
        <v>1965</v>
      </c>
      <c r="P208" s="19">
        <v>1</v>
      </c>
      <c r="Q208" s="22"/>
      <c r="R208" s="23">
        <v>45065</v>
      </c>
    </row>
    <row r="209" spans="1:18" s="29" customFormat="1" ht="14.25" customHeight="1" x14ac:dyDescent="0.2">
      <c r="A209" s="15" t="s">
        <v>8007</v>
      </c>
      <c r="B209" s="10" t="s">
        <v>1806</v>
      </c>
      <c r="C209" s="16">
        <v>1</v>
      </c>
      <c r="D209" s="17">
        <v>511</v>
      </c>
      <c r="E209" s="17">
        <v>1503</v>
      </c>
      <c r="F209" s="25" t="s">
        <v>399</v>
      </c>
      <c r="G209" s="26" t="s">
        <v>6496</v>
      </c>
      <c r="H209" s="25" t="s">
        <v>400</v>
      </c>
      <c r="I209" s="25" t="s">
        <v>4302</v>
      </c>
      <c r="J209" s="18"/>
      <c r="K209" s="19"/>
      <c r="L209" s="25" t="s">
        <v>2051</v>
      </c>
      <c r="M209" s="25" t="s">
        <v>3299</v>
      </c>
      <c r="N209" s="16" t="s">
        <v>9616</v>
      </c>
      <c r="O209" s="21">
        <v>1970</v>
      </c>
      <c r="P209" s="19">
        <v>1</v>
      </c>
      <c r="Q209" s="22"/>
      <c r="R209" s="23">
        <v>45065</v>
      </c>
    </row>
    <row r="210" spans="1:18" s="29" customFormat="1" ht="14.25" customHeight="1" x14ac:dyDescent="0.2">
      <c r="A210" s="15" t="s">
        <v>8008</v>
      </c>
      <c r="B210" s="10" t="s">
        <v>1806</v>
      </c>
      <c r="C210" s="16">
        <v>1</v>
      </c>
      <c r="D210" s="17">
        <v>511</v>
      </c>
      <c r="E210" s="17">
        <v>1503</v>
      </c>
      <c r="F210" s="25" t="s">
        <v>401</v>
      </c>
      <c r="G210" s="26" t="s">
        <v>6497</v>
      </c>
      <c r="H210" s="25" t="s">
        <v>402</v>
      </c>
      <c r="I210" s="25" t="s">
        <v>4303</v>
      </c>
      <c r="J210" s="18"/>
      <c r="K210" s="19"/>
      <c r="L210" s="25" t="s">
        <v>2052</v>
      </c>
      <c r="M210" s="25" t="s">
        <v>3300</v>
      </c>
      <c r="N210" s="16" t="s">
        <v>9617</v>
      </c>
      <c r="O210" s="21">
        <v>1971</v>
      </c>
      <c r="P210" s="19">
        <v>1</v>
      </c>
      <c r="Q210" s="22"/>
      <c r="R210" s="23">
        <v>45065</v>
      </c>
    </row>
    <row r="211" spans="1:18" s="29" customFormat="1" ht="14.25" customHeight="1" x14ac:dyDescent="0.2">
      <c r="A211" s="15" t="s">
        <v>8009</v>
      </c>
      <c r="B211" s="10" t="s">
        <v>1806</v>
      </c>
      <c r="C211" s="16">
        <v>1</v>
      </c>
      <c r="D211" s="17">
        <v>511</v>
      </c>
      <c r="E211" s="17">
        <v>1503</v>
      </c>
      <c r="F211" s="25" t="s">
        <v>403</v>
      </c>
      <c r="G211" s="26" t="s">
        <v>6498</v>
      </c>
      <c r="H211" s="25" t="s">
        <v>390</v>
      </c>
      <c r="I211" s="25" t="s">
        <v>4304</v>
      </c>
      <c r="J211" s="18"/>
      <c r="K211" s="19"/>
      <c r="L211" s="25" t="s">
        <v>2053</v>
      </c>
      <c r="M211" s="25" t="s">
        <v>3301</v>
      </c>
      <c r="N211" s="16" t="s">
        <v>9618</v>
      </c>
      <c r="O211" s="21">
        <v>1976</v>
      </c>
      <c r="P211" s="19">
        <v>1</v>
      </c>
      <c r="Q211" s="22"/>
      <c r="R211" s="23">
        <v>45065</v>
      </c>
    </row>
    <row r="212" spans="1:18" s="29" customFormat="1" ht="14.25" customHeight="1" x14ac:dyDescent="0.2">
      <c r="A212" s="15" t="s">
        <v>8010</v>
      </c>
      <c r="B212" s="10" t="s">
        <v>1806</v>
      </c>
      <c r="C212" s="16">
        <v>1</v>
      </c>
      <c r="D212" s="17">
        <v>511</v>
      </c>
      <c r="E212" s="17">
        <v>1503</v>
      </c>
      <c r="F212" s="25" t="s">
        <v>404</v>
      </c>
      <c r="G212" s="26" t="s">
        <v>6499</v>
      </c>
      <c r="H212" s="25" t="s">
        <v>405</v>
      </c>
      <c r="I212" s="25" t="s">
        <v>4305</v>
      </c>
      <c r="J212" s="18"/>
      <c r="K212" s="19"/>
      <c r="L212" s="25" t="s">
        <v>2054</v>
      </c>
      <c r="M212" s="25" t="s">
        <v>3302</v>
      </c>
      <c r="N212" s="16" t="s">
        <v>9619</v>
      </c>
      <c r="O212" s="21">
        <v>1976</v>
      </c>
      <c r="P212" s="19">
        <v>1</v>
      </c>
      <c r="Q212" s="22"/>
      <c r="R212" s="23">
        <v>45065</v>
      </c>
    </row>
    <row r="213" spans="1:18" s="29" customFormat="1" ht="14.25" customHeight="1" x14ac:dyDescent="0.2">
      <c r="A213" s="15" t="s">
        <v>8011</v>
      </c>
      <c r="B213" s="10" t="s">
        <v>1806</v>
      </c>
      <c r="C213" s="16">
        <v>1</v>
      </c>
      <c r="D213" s="17">
        <v>511</v>
      </c>
      <c r="E213" s="17">
        <v>1503</v>
      </c>
      <c r="F213" s="25" t="s">
        <v>406</v>
      </c>
      <c r="G213" s="26" t="s">
        <v>6500</v>
      </c>
      <c r="H213" s="25" t="s">
        <v>407</v>
      </c>
      <c r="I213" s="25" t="s">
        <v>4306</v>
      </c>
      <c r="J213" s="18"/>
      <c r="K213" s="19"/>
      <c r="L213" s="25" t="s">
        <v>2055</v>
      </c>
      <c r="M213" s="25" t="s">
        <v>3303</v>
      </c>
      <c r="N213" s="16" t="s">
        <v>9620</v>
      </c>
      <c r="O213" s="21">
        <v>1976</v>
      </c>
      <c r="P213" s="19">
        <v>1</v>
      </c>
      <c r="Q213" s="22"/>
      <c r="R213" s="23">
        <v>45065</v>
      </c>
    </row>
    <row r="214" spans="1:18" s="29" customFormat="1" ht="14.25" customHeight="1" x14ac:dyDescent="0.2">
      <c r="A214" s="15" t="s">
        <v>8012</v>
      </c>
      <c r="B214" s="10" t="s">
        <v>1806</v>
      </c>
      <c r="C214" s="16">
        <v>1</v>
      </c>
      <c r="D214" s="17">
        <v>511</v>
      </c>
      <c r="E214" s="17">
        <v>1503</v>
      </c>
      <c r="F214" s="25" t="s">
        <v>408</v>
      </c>
      <c r="G214" s="26" t="s">
        <v>6501</v>
      </c>
      <c r="H214" s="25" t="s">
        <v>392</v>
      </c>
      <c r="I214" s="25" t="s">
        <v>4307</v>
      </c>
      <c r="J214" s="18"/>
      <c r="K214" s="19"/>
      <c r="L214" s="25" t="s">
        <v>2056</v>
      </c>
      <c r="M214" s="25" t="s">
        <v>3304</v>
      </c>
      <c r="N214" s="16" t="s">
        <v>9621</v>
      </c>
      <c r="O214" s="21">
        <v>1980</v>
      </c>
      <c r="P214" s="19">
        <v>1</v>
      </c>
      <c r="Q214" s="22"/>
      <c r="R214" s="23">
        <v>45065</v>
      </c>
    </row>
    <row r="215" spans="1:18" s="29" customFormat="1" ht="14.25" customHeight="1" x14ac:dyDescent="0.2">
      <c r="A215" s="15" t="s">
        <v>8013</v>
      </c>
      <c r="B215" s="10" t="s">
        <v>1806</v>
      </c>
      <c r="C215" s="16">
        <v>1</v>
      </c>
      <c r="D215" s="17">
        <v>511</v>
      </c>
      <c r="E215" s="17">
        <v>1503</v>
      </c>
      <c r="F215" s="25" t="s">
        <v>409</v>
      </c>
      <c r="G215" s="26" t="s">
        <v>6502</v>
      </c>
      <c r="H215" s="25" t="s">
        <v>410</v>
      </c>
      <c r="I215" s="25" t="s">
        <v>4308</v>
      </c>
      <c r="J215" s="18"/>
      <c r="K215" s="19"/>
      <c r="L215" s="25" t="s">
        <v>2057</v>
      </c>
      <c r="M215" s="25" t="s">
        <v>3305</v>
      </c>
      <c r="N215" s="16" t="s">
        <v>9622</v>
      </c>
      <c r="O215" s="21">
        <v>1993</v>
      </c>
      <c r="P215" s="19">
        <v>1</v>
      </c>
      <c r="Q215" s="22"/>
      <c r="R215" s="23">
        <v>45065</v>
      </c>
    </row>
    <row r="216" spans="1:18" s="29" customFormat="1" ht="14.25" customHeight="1" x14ac:dyDescent="0.2">
      <c r="A216" s="15" t="s">
        <v>8014</v>
      </c>
      <c r="B216" s="10" t="s">
        <v>1806</v>
      </c>
      <c r="C216" s="16">
        <v>1</v>
      </c>
      <c r="D216" s="17">
        <v>511</v>
      </c>
      <c r="E216" s="17">
        <v>1503</v>
      </c>
      <c r="F216" s="25" t="s">
        <v>411</v>
      </c>
      <c r="G216" s="26" t="s">
        <v>6503</v>
      </c>
      <c r="H216" s="25" t="s">
        <v>10387</v>
      </c>
      <c r="I216" s="25" t="s">
        <v>10638</v>
      </c>
      <c r="J216" s="18"/>
      <c r="K216" s="19"/>
      <c r="L216" s="25" t="s">
        <v>2058</v>
      </c>
      <c r="M216" s="25" t="s">
        <v>3306</v>
      </c>
      <c r="N216" s="16" t="s">
        <v>9623</v>
      </c>
      <c r="O216" s="21">
        <v>1892</v>
      </c>
      <c r="P216" s="19">
        <v>1</v>
      </c>
      <c r="Q216" s="22"/>
      <c r="R216" s="23">
        <v>45065</v>
      </c>
    </row>
    <row r="217" spans="1:18" s="29" customFormat="1" ht="14.25" customHeight="1" x14ac:dyDescent="0.2">
      <c r="A217" s="15" t="s">
        <v>8015</v>
      </c>
      <c r="B217" s="10" t="s">
        <v>1806</v>
      </c>
      <c r="C217" s="16">
        <v>1</v>
      </c>
      <c r="D217" s="17">
        <v>511</v>
      </c>
      <c r="E217" s="17">
        <v>1503</v>
      </c>
      <c r="F217" s="25" t="s">
        <v>412</v>
      </c>
      <c r="G217" s="26" t="s">
        <v>6504</v>
      </c>
      <c r="H217" s="25" t="s">
        <v>388</v>
      </c>
      <c r="I217" s="25" t="s">
        <v>4309</v>
      </c>
      <c r="J217" s="18"/>
      <c r="K217" s="19"/>
      <c r="L217" s="25" t="s">
        <v>2059</v>
      </c>
      <c r="M217" s="25" t="s">
        <v>3307</v>
      </c>
      <c r="N217" s="16" t="s">
        <v>9624</v>
      </c>
      <c r="O217" s="21">
        <v>2004</v>
      </c>
      <c r="P217" s="19">
        <v>1</v>
      </c>
      <c r="Q217" s="22"/>
      <c r="R217" s="23">
        <v>45065</v>
      </c>
    </row>
    <row r="218" spans="1:18" s="29" customFormat="1" ht="14.25" customHeight="1" x14ac:dyDescent="0.2">
      <c r="A218" s="15" t="s">
        <v>8016</v>
      </c>
      <c r="B218" s="10" t="s">
        <v>1806</v>
      </c>
      <c r="C218" s="16">
        <v>1</v>
      </c>
      <c r="D218" s="17">
        <v>511</v>
      </c>
      <c r="E218" s="17">
        <v>1503</v>
      </c>
      <c r="F218" s="25" t="s">
        <v>413</v>
      </c>
      <c r="G218" s="26" t="s">
        <v>6505</v>
      </c>
      <c r="H218" s="25" t="s">
        <v>414</v>
      </c>
      <c r="I218" s="25" t="s">
        <v>4310</v>
      </c>
      <c r="J218" s="18"/>
      <c r="K218" s="19"/>
      <c r="L218" s="25" t="s">
        <v>2060</v>
      </c>
      <c r="M218" s="25" t="s">
        <v>3308</v>
      </c>
      <c r="N218" s="16" t="s">
        <v>9625</v>
      </c>
      <c r="O218" s="21">
        <v>1873</v>
      </c>
      <c r="P218" s="19">
        <v>1</v>
      </c>
      <c r="Q218" s="22"/>
      <c r="R218" s="23">
        <v>45065</v>
      </c>
    </row>
    <row r="219" spans="1:18" s="29" customFormat="1" ht="14.25" customHeight="1" x14ac:dyDescent="0.2">
      <c r="A219" s="15" t="s">
        <v>8017</v>
      </c>
      <c r="B219" s="10" t="s">
        <v>1806</v>
      </c>
      <c r="C219" s="16">
        <v>1</v>
      </c>
      <c r="D219" s="17">
        <v>511</v>
      </c>
      <c r="E219" s="17">
        <v>1503</v>
      </c>
      <c r="F219" s="25" t="s">
        <v>415</v>
      </c>
      <c r="G219" s="26" t="s">
        <v>6506</v>
      </c>
      <c r="H219" s="25" t="s">
        <v>416</v>
      </c>
      <c r="I219" s="25" t="s">
        <v>4311</v>
      </c>
      <c r="J219" s="18"/>
      <c r="K219" s="19"/>
      <c r="L219" s="25" t="s">
        <v>2061</v>
      </c>
      <c r="M219" s="25" t="s">
        <v>3309</v>
      </c>
      <c r="N219" s="16" t="s">
        <v>9626</v>
      </c>
      <c r="O219" s="21">
        <v>1873</v>
      </c>
      <c r="P219" s="19">
        <v>1</v>
      </c>
      <c r="Q219" s="22"/>
      <c r="R219" s="23">
        <v>45065</v>
      </c>
    </row>
    <row r="220" spans="1:18" s="29" customFormat="1" ht="14.25" customHeight="1" x14ac:dyDescent="0.2">
      <c r="A220" s="15" t="s">
        <v>8018</v>
      </c>
      <c r="B220" s="10" t="s">
        <v>1806</v>
      </c>
      <c r="C220" s="16">
        <v>1</v>
      </c>
      <c r="D220" s="17">
        <v>511</v>
      </c>
      <c r="E220" s="17">
        <v>1503</v>
      </c>
      <c r="F220" s="25" t="s">
        <v>417</v>
      </c>
      <c r="G220" s="26" t="s">
        <v>6507</v>
      </c>
      <c r="H220" s="25" t="s">
        <v>418</v>
      </c>
      <c r="I220" s="25" t="s">
        <v>4312</v>
      </c>
      <c r="J220" s="18"/>
      <c r="K220" s="19"/>
      <c r="L220" s="25" t="s">
        <v>2062</v>
      </c>
      <c r="M220" s="25" t="s">
        <v>3310</v>
      </c>
      <c r="N220" s="16" t="s">
        <v>9627</v>
      </c>
      <c r="O220" s="21">
        <v>1873</v>
      </c>
      <c r="P220" s="19">
        <v>1</v>
      </c>
      <c r="Q220" s="22"/>
      <c r="R220" s="23">
        <v>45065</v>
      </c>
    </row>
    <row r="221" spans="1:18" s="29" customFormat="1" ht="14.25" customHeight="1" x14ac:dyDescent="0.2">
      <c r="A221" s="15" t="s">
        <v>8019</v>
      </c>
      <c r="B221" s="10" t="s">
        <v>1806</v>
      </c>
      <c r="C221" s="16">
        <v>1</v>
      </c>
      <c r="D221" s="17">
        <v>511</v>
      </c>
      <c r="E221" s="17">
        <v>1503</v>
      </c>
      <c r="F221" s="25" t="s">
        <v>419</v>
      </c>
      <c r="G221" s="26" t="s">
        <v>6508</v>
      </c>
      <c r="H221" s="25" t="s">
        <v>420</v>
      </c>
      <c r="I221" s="25" t="s">
        <v>4313</v>
      </c>
      <c r="J221" s="18"/>
      <c r="K221" s="19"/>
      <c r="L221" s="25" t="s">
        <v>2063</v>
      </c>
      <c r="M221" s="25" t="s">
        <v>3311</v>
      </c>
      <c r="N221" s="16" t="s">
        <v>9628</v>
      </c>
      <c r="O221" s="21">
        <v>1873</v>
      </c>
      <c r="P221" s="19">
        <v>1</v>
      </c>
      <c r="Q221" s="22"/>
      <c r="R221" s="23">
        <v>45065</v>
      </c>
    </row>
    <row r="222" spans="1:18" s="29" customFormat="1" ht="14.25" customHeight="1" x14ac:dyDescent="0.2">
      <c r="A222" s="15" t="s">
        <v>8020</v>
      </c>
      <c r="B222" s="10" t="s">
        <v>1806</v>
      </c>
      <c r="C222" s="16">
        <v>1</v>
      </c>
      <c r="D222" s="17">
        <v>511</v>
      </c>
      <c r="E222" s="17">
        <v>1503</v>
      </c>
      <c r="F222" s="25" t="s">
        <v>421</v>
      </c>
      <c r="G222" s="26" t="s">
        <v>6509</v>
      </c>
      <c r="H222" s="25" t="s">
        <v>422</v>
      </c>
      <c r="I222" s="25" t="s">
        <v>4314</v>
      </c>
      <c r="J222" s="18"/>
      <c r="K222" s="19"/>
      <c r="L222" s="25" t="s">
        <v>2064</v>
      </c>
      <c r="M222" s="25" t="s">
        <v>3312</v>
      </c>
      <c r="N222" s="16" t="s">
        <v>9629</v>
      </c>
      <c r="O222" s="21">
        <v>1953</v>
      </c>
      <c r="P222" s="19">
        <v>1</v>
      </c>
      <c r="Q222" s="22"/>
      <c r="R222" s="23">
        <v>45065</v>
      </c>
    </row>
    <row r="223" spans="1:18" s="29" customFormat="1" ht="14.25" customHeight="1" x14ac:dyDescent="0.2">
      <c r="A223" s="15" t="s">
        <v>8021</v>
      </c>
      <c r="B223" s="10" t="s">
        <v>1806</v>
      </c>
      <c r="C223" s="16">
        <v>1</v>
      </c>
      <c r="D223" s="17">
        <v>511</v>
      </c>
      <c r="E223" s="17">
        <v>1503</v>
      </c>
      <c r="F223" s="25" t="s">
        <v>423</v>
      </c>
      <c r="G223" s="26" t="s">
        <v>6510</v>
      </c>
      <c r="H223" s="25" t="s">
        <v>424</v>
      </c>
      <c r="I223" s="25" t="s">
        <v>4315</v>
      </c>
      <c r="J223" s="18"/>
      <c r="K223" s="19"/>
      <c r="L223" s="25" t="s">
        <v>2065</v>
      </c>
      <c r="M223" s="25" t="s">
        <v>3313</v>
      </c>
      <c r="N223" s="16" t="s">
        <v>9630</v>
      </c>
      <c r="O223" s="21">
        <v>1968</v>
      </c>
      <c r="P223" s="19">
        <v>1</v>
      </c>
      <c r="Q223" s="22"/>
      <c r="R223" s="23">
        <v>45065</v>
      </c>
    </row>
    <row r="224" spans="1:18" s="29" customFormat="1" ht="14.25" customHeight="1" x14ac:dyDescent="0.2">
      <c r="A224" s="15" t="s">
        <v>8022</v>
      </c>
      <c r="B224" s="10" t="s">
        <v>1806</v>
      </c>
      <c r="C224" s="16">
        <v>1</v>
      </c>
      <c r="D224" s="17">
        <v>511</v>
      </c>
      <c r="E224" s="17">
        <v>1503</v>
      </c>
      <c r="F224" s="25" t="s">
        <v>425</v>
      </c>
      <c r="G224" s="26" t="s">
        <v>6511</v>
      </c>
      <c r="H224" s="25" t="s">
        <v>426</v>
      </c>
      <c r="I224" s="25" t="s">
        <v>4316</v>
      </c>
      <c r="J224" s="18"/>
      <c r="K224" s="19"/>
      <c r="L224" s="25" t="s">
        <v>2066</v>
      </c>
      <c r="M224" s="25" t="s">
        <v>3314</v>
      </c>
      <c r="N224" s="16" t="s">
        <v>9631</v>
      </c>
      <c r="O224" s="21">
        <v>1969</v>
      </c>
      <c r="P224" s="19">
        <v>1</v>
      </c>
      <c r="Q224" s="22"/>
      <c r="R224" s="23">
        <v>45065</v>
      </c>
    </row>
    <row r="225" spans="1:18" s="29" customFormat="1" ht="14.25" customHeight="1" x14ac:dyDescent="0.2">
      <c r="A225" s="15" t="s">
        <v>8023</v>
      </c>
      <c r="B225" s="10" t="s">
        <v>1806</v>
      </c>
      <c r="C225" s="16">
        <v>1</v>
      </c>
      <c r="D225" s="17">
        <v>511</v>
      </c>
      <c r="E225" s="17">
        <v>1503</v>
      </c>
      <c r="F225" s="25" t="s">
        <v>427</v>
      </c>
      <c r="G225" s="26" t="s">
        <v>6512</v>
      </c>
      <c r="H225" s="25" t="s">
        <v>428</v>
      </c>
      <c r="I225" s="25" t="s">
        <v>4317</v>
      </c>
      <c r="J225" s="18"/>
      <c r="K225" s="19"/>
      <c r="L225" s="25" t="s">
        <v>2067</v>
      </c>
      <c r="M225" s="25" t="s">
        <v>3315</v>
      </c>
      <c r="N225" s="16" t="s">
        <v>9632</v>
      </c>
      <c r="O225" s="21">
        <v>1971</v>
      </c>
      <c r="P225" s="19">
        <v>1</v>
      </c>
      <c r="Q225" s="22"/>
      <c r="R225" s="23">
        <v>45065</v>
      </c>
    </row>
    <row r="226" spans="1:18" s="29" customFormat="1" ht="14.25" customHeight="1" x14ac:dyDescent="0.2">
      <c r="A226" s="15" t="s">
        <v>8024</v>
      </c>
      <c r="B226" s="10" t="s">
        <v>1806</v>
      </c>
      <c r="C226" s="16">
        <v>1</v>
      </c>
      <c r="D226" s="17">
        <v>511</v>
      </c>
      <c r="E226" s="17">
        <v>1503</v>
      </c>
      <c r="F226" s="25" t="s">
        <v>429</v>
      </c>
      <c r="G226" s="26" t="s">
        <v>6513</v>
      </c>
      <c r="H226" s="25" t="s">
        <v>430</v>
      </c>
      <c r="I226" s="25" t="s">
        <v>4318</v>
      </c>
      <c r="J226" s="18"/>
      <c r="K226" s="19"/>
      <c r="L226" s="25" t="s">
        <v>2068</v>
      </c>
      <c r="M226" s="25" t="s">
        <v>3316</v>
      </c>
      <c r="N226" s="16" t="s">
        <v>9633</v>
      </c>
      <c r="O226" s="21">
        <v>1974</v>
      </c>
      <c r="P226" s="19">
        <v>1</v>
      </c>
      <c r="Q226" s="22"/>
      <c r="R226" s="23">
        <v>45065</v>
      </c>
    </row>
    <row r="227" spans="1:18" s="29" customFormat="1" ht="14.25" customHeight="1" x14ac:dyDescent="0.2">
      <c r="A227" s="15" t="s">
        <v>8025</v>
      </c>
      <c r="B227" s="10" t="s">
        <v>1806</v>
      </c>
      <c r="C227" s="16">
        <v>1</v>
      </c>
      <c r="D227" s="17">
        <v>511</v>
      </c>
      <c r="E227" s="17">
        <v>1503</v>
      </c>
      <c r="F227" s="25" t="s">
        <v>432</v>
      </c>
      <c r="G227" s="26" t="s">
        <v>6514</v>
      </c>
      <c r="H227" s="25" t="s">
        <v>433</v>
      </c>
      <c r="I227" s="25" t="s">
        <v>4319</v>
      </c>
      <c r="J227" s="18"/>
      <c r="K227" s="19"/>
      <c r="L227" s="25" t="s">
        <v>2069</v>
      </c>
      <c r="M227" s="25" t="s">
        <v>3317</v>
      </c>
      <c r="N227" s="16" t="s">
        <v>9634</v>
      </c>
      <c r="O227" s="21">
        <v>1976</v>
      </c>
      <c r="P227" s="19">
        <v>1</v>
      </c>
      <c r="Q227" s="22"/>
      <c r="R227" s="23">
        <v>45065</v>
      </c>
    </row>
    <row r="228" spans="1:18" s="29" customFormat="1" ht="14.25" customHeight="1" x14ac:dyDescent="0.2">
      <c r="A228" s="15" t="s">
        <v>8026</v>
      </c>
      <c r="B228" s="10" t="s">
        <v>1806</v>
      </c>
      <c r="C228" s="16">
        <v>1</v>
      </c>
      <c r="D228" s="17">
        <v>511</v>
      </c>
      <c r="E228" s="17">
        <v>1503</v>
      </c>
      <c r="F228" s="25" t="s">
        <v>434</v>
      </c>
      <c r="G228" s="26" t="s">
        <v>6515</v>
      </c>
      <c r="H228" s="25" t="s">
        <v>426</v>
      </c>
      <c r="I228" s="25" t="s">
        <v>4320</v>
      </c>
      <c r="J228" s="18"/>
      <c r="K228" s="19"/>
      <c r="L228" s="25" t="s">
        <v>2070</v>
      </c>
      <c r="M228" s="25" t="s">
        <v>3318</v>
      </c>
      <c r="N228" s="16" t="s">
        <v>9635</v>
      </c>
      <c r="O228" s="21">
        <v>1976</v>
      </c>
      <c r="P228" s="19">
        <v>1</v>
      </c>
      <c r="Q228" s="22"/>
      <c r="R228" s="23">
        <v>45065</v>
      </c>
    </row>
    <row r="229" spans="1:18" s="29" customFormat="1" ht="14.25" customHeight="1" x14ac:dyDescent="0.2">
      <c r="A229" s="15" t="s">
        <v>8027</v>
      </c>
      <c r="B229" s="10" t="s">
        <v>1806</v>
      </c>
      <c r="C229" s="16">
        <v>1</v>
      </c>
      <c r="D229" s="17">
        <v>511</v>
      </c>
      <c r="E229" s="17">
        <v>1503</v>
      </c>
      <c r="F229" s="25" t="s">
        <v>435</v>
      </c>
      <c r="G229" s="26" t="s">
        <v>6516</v>
      </c>
      <c r="H229" s="25" t="s">
        <v>436</v>
      </c>
      <c r="I229" s="25" t="s">
        <v>4321</v>
      </c>
      <c r="J229" s="18"/>
      <c r="K229" s="19"/>
      <c r="L229" s="25" t="s">
        <v>2071</v>
      </c>
      <c r="M229" s="25" t="s">
        <v>3319</v>
      </c>
      <c r="N229" s="16" t="s">
        <v>9636</v>
      </c>
      <c r="O229" s="21">
        <v>1977</v>
      </c>
      <c r="P229" s="19">
        <v>1</v>
      </c>
      <c r="Q229" s="22"/>
      <c r="R229" s="23">
        <v>45065</v>
      </c>
    </row>
    <row r="230" spans="1:18" s="29" customFormat="1" ht="14.25" customHeight="1" x14ac:dyDescent="0.2">
      <c r="A230" s="15" t="s">
        <v>8028</v>
      </c>
      <c r="B230" s="10" t="s">
        <v>1806</v>
      </c>
      <c r="C230" s="16">
        <v>1</v>
      </c>
      <c r="D230" s="17">
        <v>511</v>
      </c>
      <c r="E230" s="17">
        <v>1503</v>
      </c>
      <c r="F230" s="25" t="s">
        <v>437</v>
      </c>
      <c r="G230" s="26" t="s">
        <v>6517</v>
      </c>
      <c r="H230" s="25" t="s">
        <v>416</v>
      </c>
      <c r="I230" s="25" t="s">
        <v>4322</v>
      </c>
      <c r="J230" s="18"/>
      <c r="K230" s="19"/>
      <c r="L230" s="25" t="s">
        <v>2072</v>
      </c>
      <c r="M230" s="25" t="s">
        <v>3320</v>
      </c>
      <c r="N230" s="16" t="s">
        <v>9637</v>
      </c>
      <c r="O230" s="21">
        <v>1977</v>
      </c>
      <c r="P230" s="19">
        <v>1</v>
      </c>
      <c r="Q230" s="22"/>
      <c r="R230" s="23">
        <v>45065</v>
      </c>
    </row>
    <row r="231" spans="1:18" s="29" customFormat="1" ht="14.25" customHeight="1" x14ac:dyDescent="0.2">
      <c r="A231" s="15" t="s">
        <v>8029</v>
      </c>
      <c r="B231" s="10" t="s">
        <v>1806</v>
      </c>
      <c r="C231" s="16">
        <v>1</v>
      </c>
      <c r="D231" s="17">
        <v>511</v>
      </c>
      <c r="E231" s="17">
        <v>1503</v>
      </c>
      <c r="F231" s="25" t="s">
        <v>438</v>
      </c>
      <c r="G231" s="26" t="s">
        <v>6518</v>
      </c>
      <c r="H231" s="25" t="s">
        <v>426</v>
      </c>
      <c r="I231" s="25" t="s">
        <v>4323</v>
      </c>
      <c r="J231" s="18"/>
      <c r="K231" s="19"/>
      <c r="L231" s="25" t="s">
        <v>2073</v>
      </c>
      <c r="M231" s="25" t="s">
        <v>3321</v>
      </c>
      <c r="N231" s="16" t="s">
        <v>9638</v>
      </c>
      <c r="O231" s="21">
        <v>1978</v>
      </c>
      <c r="P231" s="19">
        <v>1</v>
      </c>
      <c r="Q231" s="22"/>
      <c r="R231" s="23">
        <v>45065</v>
      </c>
    </row>
    <row r="232" spans="1:18" s="29" customFormat="1" ht="14.25" customHeight="1" x14ac:dyDescent="0.2">
      <c r="A232" s="15" t="s">
        <v>8030</v>
      </c>
      <c r="B232" s="10" t="s">
        <v>1806</v>
      </c>
      <c r="C232" s="16">
        <v>1</v>
      </c>
      <c r="D232" s="17">
        <v>511</v>
      </c>
      <c r="E232" s="17">
        <v>1503</v>
      </c>
      <c r="F232" s="25" t="s">
        <v>439</v>
      </c>
      <c r="G232" s="26" t="s">
        <v>6519</v>
      </c>
      <c r="H232" s="25" t="s">
        <v>440</v>
      </c>
      <c r="I232" s="25" t="s">
        <v>4324</v>
      </c>
      <c r="J232" s="18"/>
      <c r="K232" s="19"/>
      <c r="L232" s="25" t="s">
        <v>2074</v>
      </c>
      <c r="M232" s="25" t="s">
        <v>3322</v>
      </c>
      <c r="N232" s="16" t="s">
        <v>9639</v>
      </c>
      <c r="O232" s="21">
        <v>1979</v>
      </c>
      <c r="P232" s="19">
        <v>1</v>
      </c>
      <c r="Q232" s="22"/>
      <c r="R232" s="23">
        <v>45065</v>
      </c>
    </row>
    <row r="233" spans="1:18" s="29" customFormat="1" ht="14.25" customHeight="1" x14ac:dyDescent="0.2">
      <c r="A233" s="15" t="s">
        <v>8031</v>
      </c>
      <c r="B233" s="10" t="s">
        <v>1806</v>
      </c>
      <c r="C233" s="16">
        <v>1</v>
      </c>
      <c r="D233" s="17">
        <v>511</v>
      </c>
      <c r="E233" s="17">
        <v>1503</v>
      </c>
      <c r="F233" s="25" t="s">
        <v>441</v>
      </c>
      <c r="G233" s="26" t="s">
        <v>6520</v>
      </c>
      <c r="H233" s="25" t="s">
        <v>442</v>
      </c>
      <c r="I233" s="25" t="s">
        <v>4325</v>
      </c>
      <c r="J233" s="18"/>
      <c r="K233" s="19"/>
      <c r="L233" s="25" t="s">
        <v>2075</v>
      </c>
      <c r="M233" s="25" t="s">
        <v>3323</v>
      </c>
      <c r="N233" s="16" t="s">
        <v>9640</v>
      </c>
      <c r="O233" s="21">
        <v>1980</v>
      </c>
      <c r="P233" s="19">
        <v>1</v>
      </c>
      <c r="Q233" s="22"/>
      <c r="R233" s="23">
        <v>45065</v>
      </c>
    </row>
    <row r="234" spans="1:18" s="29" customFormat="1" ht="14.25" customHeight="1" x14ac:dyDescent="0.2">
      <c r="A234" s="15" t="s">
        <v>8032</v>
      </c>
      <c r="B234" s="10" t="s">
        <v>1806</v>
      </c>
      <c r="C234" s="16">
        <v>1</v>
      </c>
      <c r="D234" s="17">
        <v>511</v>
      </c>
      <c r="E234" s="17">
        <v>1503</v>
      </c>
      <c r="F234" s="25" t="s">
        <v>443</v>
      </c>
      <c r="G234" s="26" t="s">
        <v>6521</v>
      </c>
      <c r="H234" s="25" t="s">
        <v>442</v>
      </c>
      <c r="I234" s="25" t="s">
        <v>4326</v>
      </c>
      <c r="J234" s="18"/>
      <c r="K234" s="19"/>
      <c r="L234" s="25" t="s">
        <v>2076</v>
      </c>
      <c r="M234" s="25" t="s">
        <v>3324</v>
      </c>
      <c r="N234" s="16" t="s">
        <v>9641</v>
      </c>
      <c r="O234" s="21">
        <v>1982</v>
      </c>
      <c r="P234" s="19">
        <v>1</v>
      </c>
      <c r="Q234" s="22"/>
      <c r="R234" s="23">
        <v>45065</v>
      </c>
    </row>
    <row r="235" spans="1:18" s="29" customFormat="1" ht="14.25" customHeight="1" x14ac:dyDescent="0.2">
      <c r="A235" s="15" t="s">
        <v>8033</v>
      </c>
      <c r="B235" s="10" t="s">
        <v>1806</v>
      </c>
      <c r="C235" s="16">
        <v>1</v>
      </c>
      <c r="D235" s="17">
        <v>511</v>
      </c>
      <c r="E235" s="17">
        <v>1503</v>
      </c>
      <c r="F235" s="25" t="s">
        <v>444</v>
      </c>
      <c r="G235" s="26" t="s">
        <v>6522</v>
      </c>
      <c r="H235" s="25" t="s">
        <v>431</v>
      </c>
      <c r="I235" s="25" t="s">
        <v>4327</v>
      </c>
      <c r="J235" s="18"/>
      <c r="K235" s="19"/>
      <c r="L235" s="25" t="s">
        <v>2077</v>
      </c>
      <c r="M235" s="25" t="s">
        <v>3325</v>
      </c>
      <c r="N235" s="16" t="s">
        <v>9642</v>
      </c>
      <c r="O235" s="21">
        <v>1980</v>
      </c>
      <c r="P235" s="19">
        <v>1</v>
      </c>
      <c r="Q235" s="22"/>
      <c r="R235" s="23">
        <v>45065</v>
      </c>
    </row>
    <row r="236" spans="1:18" s="29" customFormat="1" ht="14.25" customHeight="1" x14ac:dyDescent="0.2">
      <c r="A236" s="15" t="s">
        <v>8034</v>
      </c>
      <c r="B236" s="10" t="s">
        <v>1806</v>
      </c>
      <c r="C236" s="16">
        <v>1</v>
      </c>
      <c r="D236" s="17">
        <v>511</v>
      </c>
      <c r="E236" s="17">
        <v>1503</v>
      </c>
      <c r="F236" s="25" t="s">
        <v>445</v>
      </c>
      <c r="G236" s="26" t="s">
        <v>6523</v>
      </c>
      <c r="H236" s="25" t="s">
        <v>446</v>
      </c>
      <c r="I236" s="25" t="s">
        <v>4328</v>
      </c>
      <c r="J236" s="18"/>
      <c r="K236" s="19"/>
      <c r="L236" s="25" t="s">
        <v>2078</v>
      </c>
      <c r="M236" s="25" t="s">
        <v>3326</v>
      </c>
      <c r="N236" s="16" t="s">
        <v>9643</v>
      </c>
      <c r="O236" s="21">
        <v>1981</v>
      </c>
      <c r="P236" s="19">
        <v>1</v>
      </c>
      <c r="Q236" s="22"/>
      <c r="R236" s="23">
        <v>45065</v>
      </c>
    </row>
    <row r="237" spans="1:18" s="29" customFormat="1" ht="14.25" customHeight="1" x14ac:dyDescent="0.2">
      <c r="A237" s="15" t="s">
        <v>8035</v>
      </c>
      <c r="B237" s="10" t="s">
        <v>1806</v>
      </c>
      <c r="C237" s="16">
        <v>1</v>
      </c>
      <c r="D237" s="17">
        <v>511</v>
      </c>
      <c r="E237" s="17">
        <v>1503</v>
      </c>
      <c r="F237" s="25" t="s">
        <v>447</v>
      </c>
      <c r="G237" s="26" t="s">
        <v>6524</v>
      </c>
      <c r="H237" s="25" t="s">
        <v>440</v>
      </c>
      <c r="I237" s="25" t="s">
        <v>4329</v>
      </c>
      <c r="J237" s="18"/>
      <c r="K237" s="19"/>
      <c r="L237" s="25" t="s">
        <v>2079</v>
      </c>
      <c r="M237" s="25" t="s">
        <v>3327</v>
      </c>
      <c r="N237" s="16" t="s">
        <v>9644</v>
      </c>
      <c r="O237" s="21">
        <v>1981</v>
      </c>
      <c r="P237" s="19">
        <v>1</v>
      </c>
      <c r="Q237" s="22"/>
      <c r="R237" s="23">
        <v>45065</v>
      </c>
    </row>
    <row r="238" spans="1:18" s="29" customFormat="1" ht="14.25" customHeight="1" x14ac:dyDescent="0.2">
      <c r="A238" s="15" t="s">
        <v>8036</v>
      </c>
      <c r="B238" s="10" t="s">
        <v>1806</v>
      </c>
      <c r="C238" s="16">
        <v>1</v>
      </c>
      <c r="D238" s="17">
        <v>511</v>
      </c>
      <c r="E238" s="17">
        <v>1503</v>
      </c>
      <c r="F238" s="25" t="s">
        <v>448</v>
      </c>
      <c r="G238" s="26" t="s">
        <v>6525</v>
      </c>
      <c r="H238" s="25" t="s">
        <v>446</v>
      </c>
      <c r="I238" s="25" t="s">
        <v>4330</v>
      </c>
      <c r="J238" s="18"/>
      <c r="K238" s="19"/>
      <c r="L238" s="25" t="s">
        <v>2080</v>
      </c>
      <c r="M238" s="25" t="s">
        <v>3328</v>
      </c>
      <c r="N238" s="16" t="s">
        <v>9645</v>
      </c>
      <c r="O238" s="21">
        <v>1984</v>
      </c>
      <c r="P238" s="19">
        <v>1</v>
      </c>
      <c r="Q238" s="22"/>
      <c r="R238" s="23">
        <v>45065</v>
      </c>
    </row>
    <row r="239" spans="1:18" s="29" customFormat="1" ht="14.25" customHeight="1" x14ac:dyDescent="0.2">
      <c r="A239" s="15" t="s">
        <v>8037</v>
      </c>
      <c r="B239" s="10" t="s">
        <v>1806</v>
      </c>
      <c r="C239" s="16">
        <v>1</v>
      </c>
      <c r="D239" s="17">
        <v>511</v>
      </c>
      <c r="E239" s="17">
        <v>1503</v>
      </c>
      <c r="F239" s="25" t="s">
        <v>449</v>
      </c>
      <c r="G239" s="26" t="s">
        <v>6526</v>
      </c>
      <c r="H239" s="25" t="s">
        <v>450</v>
      </c>
      <c r="I239" s="25" t="s">
        <v>4331</v>
      </c>
      <c r="J239" s="18"/>
      <c r="K239" s="19"/>
      <c r="L239" s="25" t="s">
        <v>2081</v>
      </c>
      <c r="M239" s="25" t="s">
        <v>3329</v>
      </c>
      <c r="N239" s="16" t="s">
        <v>9646</v>
      </c>
      <c r="O239" s="21">
        <v>1985</v>
      </c>
      <c r="P239" s="19">
        <v>1</v>
      </c>
      <c r="Q239" s="22"/>
      <c r="R239" s="23">
        <v>45065</v>
      </c>
    </row>
    <row r="240" spans="1:18" s="29" customFormat="1" ht="14.25" customHeight="1" x14ac:dyDescent="0.2">
      <c r="A240" s="15" t="s">
        <v>8038</v>
      </c>
      <c r="B240" s="10" t="s">
        <v>1806</v>
      </c>
      <c r="C240" s="16">
        <v>1</v>
      </c>
      <c r="D240" s="17">
        <v>511</v>
      </c>
      <c r="E240" s="17">
        <v>1503</v>
      </c>
      <c r="F240" s="25" t="s">
        <v>451</v>
      </c>
      <c r="G240" s="26" t="s">
        <v>6527</v>
      </c>
      <c r="H240" s="25" t="s">
        <v>452</v>
      </c>
      <c r="I240" s="25" t="s">
        <v>4332</v>
      </c>
      <c r="J240" s="18"/>
      <c r="K240" s="19"/>
      <c r="L240" s="25" t="s">
        <v>2082</v>
      </c>
      <c r="M240" s="25" t="s">
        <v>3330</v>
      </c>
      <c r="N240" s="16" t="s">
        <v>9647</v>
      </c>
      <c r="O240" s="21">
        <v>1987</v>
      </c>
      <c r="P240" s="19">
        <v>1</v>
      </c>
      <c r="Q240" s="22"/>
      <c r="R240" s="23">
        <v>45065</v>
      </c>
    </row>
    <row r="241" spans="1:18" s="29" customFormat="1" ht="14.25" customHeight="1" x14ac:dyDescent="0.2">
      <c r="A241" s="15" t="s">
        <v>8039</v>
      </c>
      <c r="B241" s="10" t="s">
        <v>1806</v>
      </c>
      <c r="C241" s="16">
        <v>1</v>
      </c>
      <c r="D241" s="17">
        <v>511</v>
      </c>
      <c r="E241" s="17">
        <v>1503</v>
      </c>
      <c r="F241" s="25" t="s">
        <v>453</v>
      </c>
      <c r="G241" s="26" t="s">
        <v>6528</v>
      </c>
      <c r="H241" s="25" t="s">
        <v>420</v>
      </c>
      <c r="I241" s="25" t="s">
        <v>4333</v>
      </c>
      <c r="J241" s="18"/>
      <c r="K241" s="19"/>
      <c r="L241" s="25" t="s">
        <v>2083</v>
      </c>
      <c r="M241" s="25" t="s">
        <v>3331</v>
      </c>
      <c r="N241" s="16" t="s">
        <v>9648</v>
      </c>
      <c r="O241" s="21">
        <v>1988</v>
      </c>
      <c r="P241" s="19">
        <v>1</v>
      </c>
      <c r="Q241" s="22"/>
      <c r="R241" s="23">
        <v>45065</v>
      </c>
    </row>
    <row r="242" spans="1:18" s="29" customFormat="1" ht="14.25" customHeight="1" x14ac:dyDescent="0.2">
      <c r="A242" s="15" t="s">
        <v>8040</v>
      </c>
      <c r="B242" s="10" t="s">
        <v>1806</v>
      </c>
      <c r="C242" s="16">
        <v>1</v>
      </c>
      <c r="D242" s="17">
        <v>511</v>
      </c>
      <c r="E242" s="17">
        <v>1503</v>
      </c>
      <c r="F242" s="25" t="s">
        <v>454</v>
      </c>
      <c r="G242" s="26" t="s">
        <v>6529</v>
      </c>
      <c r="H242" s="25" t="s">
        <v>455</v>
      </c>
      <c r="I242" s="25" t="s">
        <v>4334</v>
      </c>
      <c r="J242" s="18"/>
      <c r="K242" s="19"/>
      <c r="L242" s="25" t="s">
        <v>2084</v>
      </c>
      <c r="M242" s="25" t="s">
        <v>3332</v>
      </c>
      <c r="N242" s="16" t="s">
        <v>9649</v>
      </c>
      <c r="O242" s="21">
        <v>1992</v>
      </c>
      <c r="P242" s="19">
        <v>1</v>
      </c>
      <c r="Q242" s="22"/>
      <c r="R242" s="23">
        <v>45065</v>
      </c>
    </row>
    <row r="243" spans="1:18" s="29" customFormat="1" ht="14.25" customHeight="1" x14ac:dyDescent="0.2">
      <c r="A243" s="15" t="s">
        <v>8041</v>
      </c>
      <c r="B243" s="10" t="s">
        <v>1806</v>
      </c>
      <c r="C243" s="16">
        <v>1</v>
      </c>
      <c r="D243" s="17">
        <v>511</v>
      </c>
      <c r="E243" s="17">
        <v>1503</v>
      </c>
      <c r="F243" s="25" t="s">
        <v>456</v>
      </c>
      <c r="G243" s="26" t="s">
        <v>6530</v>
      </c>
      <c r="H243" s="25" t="s">
        <v>457</v>
      </c>
      <c r="I243" s="25" t="s">
        <v>4335</v>
      </c>
      <c r="J243" s="18"/>
      <c r="K243" s="19"/>
      <c r="L243" s="25" t="s">
        <v>2085</v>
      </c>
      <c r="M243" s="25" t="s">
        <v>3333</v>
      </c>
      <c r="N243" s="16" t="s">
        <v>9650</v>
      </c>
      <c r="O243" s="21">
        <v>1993</v>
      </c>
      <c r="P243" s="19">
        <v>1</v>
      </c>
      <c r="Q243" s="22"/>
      <c r="R243" s="23">
        <v>45065</v>
      </c>
    </row>
    <row r="244" spans="1:18" s="29" customFormat="1" ht="14.25" customHeight="1" x14ac:dyDescent="0.2">
      <c r="A244" s="15" t="s">
        <v>8042</v>
      </c>
      <c r="B244" s="10" t="s">
        <v>1806</v>
      </c>
      <c r="C244" s="16">
        <v>1</v>
      </c>
      <c r="D244" s="17">
        <v>511</v>
      </c>
      <c r="E244" s="17">
        <v>1503</v>
      </c>
      <c r="F244" s="25" t="s">
        <v>458</v>
      </c>
      <c r="G244" s="26" t="s">
        <v>6531</v>
      </c>
      <c r="H244" s="25" t="s">
        <v>452</v>
      </c>
      <c r="I244" s="25" t="s">
        <v>4336</v>
      </c>
      <c r="J244" s="18"/>
      <c r="K244" s="19"/>
      <c r="L244" s="25" t="s">
        <v>2086</v>
      </c>
      <c r="M244" s="25" t="s">
        <v>3334</v>
      </c>
      <c r="N244" s="16" t="s">
        <v>9651</v>
      </c>
      <c r="O244" s="21">
        <v>1996</v>
      </c>
      <c r="P244" s="19">
        <v>1</v>
      </c>
      <c r="Q244" s="22"/>
      <c r="R244" s="23">
        <v>45065</v>
      </c>
    </row>
    <row r="245" spans="1:18" s="29" customFormat="1" ht="14.25" customHeight="1" x14ac:dyDescent="0.2">
      <c r="A245" s="15" t="s">
        <v>8043</v>
      </c>
      <c r="B245" s="10" t="s">
        <v>1806</v>
      </c>
      <c r="C245" s="16">
        <v>1</v>
      </c>
      <c r="D245" s="17">
        <v>511</v>
      </c>
      <c r="E245" s="17">
        <v>1503</v>
      </c>
      <c r="F245" s="25" t="s">
        <v>459</v>
      </c>
      <c r="G245" s="26" t="s">
        <v>6532</v>
      </c>
      <c r="H245" s="25" t="s">
        <v>460</v>
      </c>
      <c r="I245" s="25" t="s">
        <v>4337</v>
      </c>
      <c r="J245" s="18"/>
      <c r="K245" s="19"/>
      <c r="L245" s="25" t="s">
        <v>2087</v>
      </c>
      <c r="M245" s="25" t="s">
        <v>3335</v>
      </c>
      <c r="N245" s="16" t="s">
        <v>9652</v>
      </c>
      <c r="O245" s="21">
        <v>2001</v>
      </c>
      <c r="P245" s="19">
        <v>1</v>
      </c>
      <c r="Q245" s="22"/>
      <c r="R245" s="23">
        <v>45065</v>
      </c>
    </row>
    <row r="246" spans="1:18" s="29" customFormat="1" ht="14.25" customHeight="1" x14ac:dyDescent="0.2">
      <c r="A246" s="15" t="s">
        <v>8044</v>
      </c>
      <c r="B246" s="10" t="s">
        <v>1806</v>
      </c>
      <c r="C246" s="16">
        <v>1</v>
      </c>
      <c r="D246" s="17">
        <v>511</v>
      </c>
      <c r="E246" s="17">
        <v>1503</v>
      </c>
      <c r="F246" s="25" t="s">
        <v>461</v>
      </c>
      <c r="G246" s="26" t="s">
        <v>6533</v>
      </c>
      <c r="H246" s="25" t="s">
        <v>462</v>
      </c>
      <c r="I246" s="25" t="s">
        <v>4338</v>
      </c>
      <c r="J246" s="18"/>
      <c r="K246" s="19"/>
      <c r="L246" s="25" t="s">
        <v>2088</v>
      </c>
      <c r="M246" s="25" t="s">
        <v>3336</v>
      </c>
      <c r="N246" s="16" t="s">
        <v>9653</v>
      </c>
      <c r="O246" s="21">
        <v>2007</v>
      </c>
      <c r="P246" s="19">
        <v>1</v>
      </c>
      <c r="Q246" s="22"/>
      <c r="R246" s="23">
        <v>45065</v>
      </c>
    </row>
    <row r="247" spans="1:18" s="29" customFormat="1" ht="14.25" customHeight="1" x14ac:dyDescent="0.2">
      <c r="A247" s="15" t="s">
        <v>8045</v>
      </c>
      <c r="B247" s="10" t="s">
        <v>1806</v>
      </c>
      <c r="C247" s="16">
        <v>1</v>
      </c>
      <c r="D247" s="17">
        <v>511</v>
      </c>
      <c r="E247" s="17">
        <v>1503</v>
      </c>
      <c r="F247" s="25" t="s">
        <v>463</v>
      </c>
      <c r="G247" s="26" t="s">
        <v>6534</v>
      </c>
      <c r="H247" s="25" t="s">
        <v>464</v>
      </c>
      <c r="I247" s="25" t="s">
        <v>4339</v>
      </c>
      <c r="J247" s="18"/>
      <c r="K247" s="19"/>
      <c r="L247" s="25" t="s">
        <v>2089</v>
      </c>
      <c r="M247" s="25" t="s">
        <v>3337</v>
      </c>
      <c r="N247" s="16" t="s">
        <v>9654</v>
      </c>
      <c r="O247" s="21">
        <v>2013</v>
      </c>
      <c r="P247" s="19">
        <v>1</v>
      </c>
      <c r="Q247" s="22"/>
      <c r="R247" s="23">
        <v>45065</v>
      </c>
    </row>
    <row r="248" spans="1:18" s="29" customFormat="1" ht="14.25" customHeight="1" x14ac:dyDescent="0.2">
      <c r="A248" s="15" t="s">
        <v>8046</v>
      </c>
      <c r="B248" s="10" t="s">
        <v>1806</v>
      </c>
      <c r="C248" s="16">
        <v>1</v>
      </c>
      <c r="D248" s="17">
        <v>511</v>
      </c>
      <c r="E248" s="17">
        <v>1503</v>
      </c>
      <c r="F248" s="25" t="s">
        <v>465</v>
      </c>
      <c r="G248" s="26" t="s">
        <v>6535</v>
      </c>
      <c r="H248" s="25" t="s">
        <v>466</v>
      </c>
      <c r="I248" s="25" t="s">
        <v>4340</v>
      </c>
      <c r="J248" s="18"/>
      <c r="K248" s="19"/>
      <c r="L248" s="25" t="s">
        <v>2090</v>
      </c>
      <c r="M248" s="17" t="s">
        <v>3338</v>
      </c>
      <c r="N248" s="16" t="s">
        <v>9655</v>
      </c>
      <c r="O248" s="21">
        <v>1874</v>
      </c>
      <c r="P248" s="19">
        <v>1</v>
      </c>
      <c r="Q248" s="22"/>
      <c r="R248" s="23">
        <v>45065</v>
      </c>
    </row>
    <row r="249" spans="1:18" s="29" customFormat="1" ht="14.25" customHeight="1" x14ac:dyDescent="0.2">
      <c r="A249" s="15" t="s">
        <v>8047</v>
      </c>
      <c r="B249" s="10" t="s">
        <v>1806</v>
      </c>
      <c r="C249" s="16">
        <v>1</v>
      </c>
      <c r="D249" s="17">
        <v>511</v>
      </c>
      <c r="E249" s="17">
        <v>1503</v>
      </c>
      <c r="F249" s="25" t="s">
        <v>467</v>
      </c>
      <c r="G249" s="26" t="s">
        <v>6536</v>
      </c>
      <c r="H249" s="25" t="s">
        <v>468</v>
      </c>
      <c r="I249" s="25" t="s">
        <v>4341</v>
      </c>
      <c r="J249" s="18"/>
      <c r="K249" s="19"/>
      <c r="L249" s="25" t="s">
        <v>2091</v>
      </c>
      <c r="M249" s="17" t="s">
        <v>3339</v>
      </c>
      <c r="N249" s="16" t="s">
        <v>9656</v>
      </c>
      <c r="O249" s="21">
        <v>1896</v>
      </c>
      <c r="P249" s="19">
        <v>1</v>
      </c>
      <c r="Q249" s="22"/>
      <c r="R249" s="23">
        <v>45065</v>
      </c>
    </row>
    <row r="250" spans="1:18" s="29" customFormat="1" ht="14.25" customHeight="1" x14ac:dyDescent="0.2">
      <c r="A250" s="15" t="s">
        <v>8048</v>
      </c>
      <c r="B250" s="10" t="s">
        <v>1806</v>
      </c>
      <c r="C250" s="16">
        <v>1</v>
      </c>
      <c r="D250" s="17">
        <v>511</v>
      </c>
      <c r="E250" s="17">
        <v>1503</v>
      </c>
      <c r="F250" s="25" t="s">
        <v>469</v>
      </c>
      <c r="G250" s="26" t="s">
        <v>6537</v>
      </c>
      <c r="H250" s="25" t="s">
        <v>470</v>
      </c>
      <c r="I250" s="25" t="s">
        <v>4342</v>
      </c>
      <c r="J250" s="18"/>
      <c r="K250" s="19"/>
      <c r="L250" s="25" t="s">
        <v>2092</v>
      </c>
      <c r="M250" s="17" t="s">
        <v>3340</v>
      </c>
      <c r="N250" s="16" t="s">
        <v>9657</v>
      </c>
      <c r="O250" s="21">
        <v>1948</v>
      </c>
      <c r="P250" s="19">
        <v>1</v>
      </c>
      <c r="Q250" s="22"/>
      <c r="R250" s="23">
        <v>45065</v>
      </c>
    </row>
    <row r="251" spans="1:18" s="29" customFormat="1" ht="14.25" customHeight="1" x14ac:dyDescent="0.2">
      <c r="A251" s="15" t="s">
        <v>8049</v>
      </c>
      <c r="B251" s="10" t="s">
        <v>1806</v>
      </c>
      <c r="C251" s="16">
        <v>1</v>
      </c>
      <c r="D251" s="17">
        <v>511</v>
      </c>
      <c r="E251" s="17">
        <v>1503</v>
      </c>
      <c r="F251" s="25" t="s">
        <v>471</v>
      </c>
      <c r="G251" s="26" t="s">
        <v>6538</v>
      </c>
      <c r="H251" s="25" t="s">
        <v>472</v>
      </c>
      <c r="I251" s="25" t="s">
        <v>4343</v>
      </c>
      <c r="J251" s="18"/>
      <c r="K251" s="19"/>
      <c r="L251" s="25" t="s">
        <v>2093</v>
      </c>
      <c r="M251" s="17" t="s">
        <v>3341</v>
      </c>
      <c r="N251" s="16" t="s">
        <v>9658</v>
      </c>
      <c r="O251" s="21">
        <v>1950</v>
      </c>
      <c r="P251" s="19">
        <v>1</v>
      </c>
      <c r="Q251" s="22"/>
      <c r="R251" s="23">
        <v>45065</v>
      </c>
    </row>
    <row r="252" spans="1:18" s="29" customFormat="1" ht="14.25" customHeight="1" x14ac:dyDescent="0.2">
      <c r="A252" s="15" t="s">
        <v>8050</v>
      </c>
      <c r="B252" s="10" t="s">
        <v>1806</v>
      </c>
      <c r="C252" s="16">
        <v>1</v>
      </c>
      <c r="D252" s="17">
        <v>511</v>
      </c>
      <c r="E252" s="17">
        <v>1503</v>
      </c>
      <c r="F252" s="25" t="s">
        <v>473</v>
      </c>
      <c r="G252" s="26" t="s">
        <v>6539</v>
      </c>
      <c r="H252" s="25" t="s">
        <v>474</v>
      </c>
      <c r="I252" s="25" t="s">
        <v>4344</v>
      </c>
      <c r="J252" s="18"/>
      <c r="K252" s="19"/>
      <c r="L252" s="25" t="s">
        <v>2094</v>
      </c>
      <c r="M252" s="17" t="s">
        <v>3342</v>
      </c>
      <c r="N252" s="16" t="s">
        <v>9659</v>
      </c>
      <c r="O252" s="21">
        <v>1969</v>
      </c>
      <c r="P252" s="19">
        <v>1</v>
      </c>
      <c r="Q252" s="22"/>
      <c r="R252" s="23">
        <v>45065</v>
      </c>
    </row>
    <row r="253" spans="1:18" s="29" customFormat="1" ht="14.25" customHeight="1" x14ac:dyDescent="0.2">
      <c r="A253" s="15" t="s">
        <v>8051</v>
      </c>
      <c r="B253" s="10" t="s">
        <v>1806</v>
      </c>
      <c r="C253" s="16">
        <v>1</v>
      </c>
      <c r="D253" s="17">
        <v>511</v>
      </c>
      <c r="E253" s="17">
        <v>1503</v>
      </c>
      <c r="F253" s="25" t="s">
        <v>475</v>
      </c>
      <c r="G253" s="26" t="s">
        <v>6540</v>
      </c>
      <c r="H253" s="25" t="s">
        <v>476</v>
      </c>
      <c r="I253" s="25" t="s">
        <v>4345</v>
      </c>
      <c r="J253" s="18"/>
      <c r="K253" s="19"/>
      <c r="L253" s="25" t="s">
        <v>2095</v>
      </c>
      <c r="M253" s="17" t="s">
        <v>3343</v>
      </c>
      <c r="N253" s="16" t="s">
        <v>9660</v>
      </c>
      <c r="O253" s="21">
        <v>1971</v>
      </c>
      <c r="P253" s="19">
        <v>1</v>
      </c>
      <c r="Q253" s="22"/>
      <c r="R253" s="23">
        <v>45065</v>
      </c>
    </row>
    <row r="254" spans="1:18" s="29" customFormat="1" ht="14.25" customHeight="1" x14ac:dyDescent="0.2">
      <c r="A254" s="15" t="s">
        <v>8052</v>
      </c>
      <c r="B254" s="10" t="s">
        <v>1806</v>
      </c>
      <c r="C254" s="16">
        <v>1</v>
      </c>
      <c r="D254" s="17">
        <v>511</v>
      </c>
      <c r="E254" s="17">
        <v>1503</v>
      </c>
      <c r="F254" s="25" t="s">
        <v>477</v>
      </c>
      <c r="G254" s="26" t="s">
        <v>6541</v>
      </c>
      <c r="H254" s="25" t="s">
        <v>478</v>
      </c>
      <c r="I254" s="25" t="s">
        <v>4346</v>
      </c>
      <c r="J254" s="18"/>
      <c r="K254" s="19"/>
      <c r="L254" s="25" t="s">
        <v>2096</v>
      </c>
      <c r="M254" s="17" t="s">
        <v>3344</v>
      </c>
      <c r="N254" s="16" t="s">
        <v>9661</v>
      </c>
      <c r="O254" s="21">
        <v>1973</v>
      </c>
      <c r="P254" s="19">
        <v>1</v>
      </c>
      <c r="Q254" s="22"/>
      <c r="R254" s="23">
        <v>45065</v>
      </c>
    </row>
    <row r="255" spans="1:18" s="29" customFormat="1" ht="14.25" customHeight="1" x14ac:dyDescent="0.2">
      <c r="A255" s="15" t="s">
        <v>8053</v>
      </c>
      <c r="B255" s="10" t="s">
        <v>1806</v>
      </c>
      <c r="C255" s="16">
        <v>1</v>
      </c>
      <c r="D255" s="17">
        <v>511</v>
      </c>
      <c r="E255" s="17">
        <v>1503</v>
      </c>
      <c r="F255" s="25" t="s">
        <v>479</v>
      </c>
      <c r="G255" s="26" t="s">
        <v>6542</v>
      </c>
      <c r="H255" s="25" t="s">
        <v>480</v>
      </c>
      <c r="I255" s="25" t="s">
        <v>4347</v>
      </c>
      <c r="J255" s="18"/>
      <c r="K255" s="19"/>
      <c r="L255" s="25" t="s">
        <v>2097</v>
      </c>
      <c r="M255" s="17" t="s">
        <v>3345</v>
      </c>
      <c r="N255" s="16" t="s">
        <v>9662</v>
      </c>
      <c r="O255" s="21">
        <v>1975</v>
      </c>
      <c r="P255" s="19">
        <v>1</v>
      </c>
      <c r="Q255" s="22"/>
      <c r="R255" s="23">
        <v>45065</v>
      </c>
    </row>
    <row r="256" spans="1:18" s="29" customFormat="1" ht="14.25" customHeight="1" x14ac:dyDescent="0.2">
      <c r="A256" s="15" t="s">
        <v>8054</v>
      </c>
      <c r="B256" s="10" t="s">
        <v>1806</v>
      </c>
      <c r="C256" s="16">
        <v>1</v>
      </c>
      <c r="D256" s="17">
        <v>511</v>
      </c>
      <c r="E256" s="17">
        <v>1503</v>
      </c>
      <c r="F256" s="25" t="s">
        <v>481</v>
      </c>
      <c r="G256" s="26" t="s">
        <v>6543</v>
      </c>
      <c r="H256" s="25" t="s">
        <v>468</v>
      </c>
      <c r="I256" s="25" t="s">
        <v>4348</v>
      </c>
      <c r="J256" s="18"/>
      <c r="K256" s="19"/>
      <c r="L256" s="25" t="s">
        <v>2098</v>
      </c>
      <c r="M256" s="17" t="s">
        <v>3346</v>
      </c>
      <c r="N256" s="16" t="s">
        <v>9663</v>
      </c>
      <c r="O256" s="21">
        <v>1979</v>
      </c>
      <c r="P256" s="19">
        <v>1</v>
      </c>
      <c r="Q256" s="22"/>
      <c r="R256" s="23">
        <v>45065</v>
      </c>
    </row>
    <row r="257" spans="1:18" s="29" customFormat="1" ht="14.25" customHeight="1" x14ac:dyDescent="0.2">
      <c r="A257" s="15" t="s">
        <v>8055</v>
      </c>
      <c r="B257" s="10" t="s">
        <v>1806</v>
      </c>
      <c r="C257" s="16">
        <v>1</v>
      </c>
      <c r="D257" s="17">
        <v>511</v>
      </c>
      <c r="E257" s="17">
        <v>1503</v>
      </c>
      <c r="F257" s="25" t="s">
        <v>482</v>
      </c>
      <c r="G257" s="26" t="s">
        <v>6544</v>
      </c>
      <c r="H257" s="25" t="s">
        <v>483</v>
      </c>
      <c r="I257" s="25" t="s">
        <v>4349</v>
      </c>
      <c r="J257" s="18"/>
      <c r="K257" s="19"/>
      <c r="L257" s="25" t="s">
        <v>2099</v>
      </c>
      <c r="M257" s="17" t="s">
        <v>3347</v>
      </c>
      <c r="N257" s="16" t="s">
        <v>9664</v>
      </c>
      <c r="O257" s="21">
        <v>1983</v>
      </c>
      <c r="P257" s="19">
        <v>1</v>
      </c>
      <c r="Q257" s="22"/>
      <c r="R257" s="23">
        <v>45065</v>
      </c>
    </row>
    <row r="258" spans="1:18" s="29" customFormat="1" ht="14.25" customHeight="1" x14ac:dyDescent="0.2">
      <c r="A258" s="15" t="s">
        <v>8056</v>
      </c>
      <c r="B258" s="10" t="s">
        <v>1806</v>
      </c>
      <c r="C258" s="16">
        <v>1</v>
      </c>
      <c r="D258" s="17">
        <v>511</v>
      </c>
      <c r="E258" s="17">
        <v>1503</v>
      </c>
      <c r="F258" s="25" t="s">
        <v>484</v>
      </c>
      <c r="G258" s="26" t="s">
        <v>6545</v>
      </c>
      <c r="H258" s="25" t="s">
        <v>485</v>
      </c>
      <c r="I258" s="25" t="s">
        <v>4350</v>
      </c>
      <c r="J258" s="18"/>
      <c r="K258" s="19"/>
      <c r="L258" s="25" t="s">
        <v>2100</v>
      </c>
      <c r="M258" s="17" t="s">
        <v>3348</v>
      </c>
      <c r="N258" s="16" t="s">
        <v>9665</v>
      </c>
      <c r="O258" s="21">
        <v>1983</v>
      </c>
      <c r="P258" s="19">
        <v>1</v>
      </c>
      <c r="Q258" s="22"/>
      <c r="R258" s="23">
        <v>45065</v>
      </c>
    </row>
    <row r="259" spans="1:18" s="29" customFormat="1" ht="14.25" customHeight="1" x14ac:dyDescent="0.2">
      <c r="A259" s="15" t="s">
        <v>8057</v>
      </c>
      <c r="B259" s="10" t="s">
        <v>1806</v>
      </c>
      <c r="C259" s="16">
        <v>1</v>
      </c>
      <c r="D259" s="17">
        <v>511</v>
      </c>
      <c r="E259" s="17">
        <v>1503</v>
      </c>
      <c r="F259" s="25" t="s">
        <v>486</v>
      </c>
      <c r="G259" s="26" t="s">
        <v>6546</v>
      </c>
      <c r="H259" s="25" t="s">
        <v>487</v>
      </c>
      <c r="I259" s="25" t="s">
        <v>4351</v>
      </c>
      <c r="J259" s="18"/>
      <c r="K259" s="19"/>
      <c r="L259" s="25" t="s">
        <v>2101</v>
      </c>
      <c r="M259" s="17" t="s">
        <v>3349</v>
      </c>
      <c r="N259" s="16" t="s">
        <v>9666</v>
      </c>
      <c r="O259" s="21">
        <v>1988</v>
      </c>
      <c r="P259" s="19">
        <v>1</v>
      </c>
      <c r="Q259" s="22"/>
      <c r="R259" s="23">
        <v>45065</v>
      </c>
    </row>
    <row r="260" spans="1:18" s="29" customFormat="1" ht="14.25" customHeight="1" x14ac:dyDescent="0.2">
      <c r="A260" s="15" t="s">
        <v>8058</v>
      </c>
      <c r="B260" s="10" t="s">
        <v>1806</v>
      </c>
      <c r="C260" s="16">
        <v>1</v>
      </c>
      <c r="D260" s="17">
        <v>511</v>
      </c>
      <c r="E260" s="17">
        <v>1503</v>
      </c>
      <c r="F260" s="25" t="s">
        <v>488</v>
      </c>
      <c r="G260" s="26" t="s">
        <v>6547</v>
      </c>
      <c r="H260" s="25" t="s">
        <v>489</v>
      </c>
      <c r="I260" s="25" t="s">
        <v>4352</v>
      </c>
      <c r="J260" s="18"/>
      <c r="K260" s="19"/>
      <c r="L260" s="25" t="s">
        <v>2102</v>
      </c>
      <c r="M260" s="17" t="s">
        <v>3350</v>
      </c>
      <c r="N260" s="16" t="s">
        <v>9667</v>
      </c>
      <c r="O260" s="21">
        <v>1990</v>
      </c>
      <c r="P260" s="19">
        <v>1</v>
      </c>
      <c r="Q260" s="22"/>
      <c r="R260" s="23">
        <v>45065</v>
      </c>
    </row>
    <row r="261" spans="1:18" s="29" customFormat="1" ht="14.25" customHeight="1" x14ac:dyDescent="0.2">
      <c r="A261" s="15" t="s">
        <v>8059</v>
      </c>
      <c r="B261" s="10" t="s">
        <v>1806</v>
      </c>
      <c r="C261" s="16">
        <v>1</v>
      </c>
      <c r="D261" s="17">
        <v>511</v>
      </c>
      <c r="E261" s="17">
        <v>1503</v>
      </c>
      <c r="F261" s="25" t="s">
        <v>490</v>
      </c>
      <c r="G261" s="26" t="s">
        <v>6548</v>
      </c>
      <c r="H261" s="25" t="s">
        <v>491</v>
      </c>
      <c r="I261" s="25" t="s">
        <v>4353</v>
      </c>
      <c r="J261" s="18"/>
      <c r="K261" s="19"/>
      <c r="L261" s="25" t="s">
        <v>2103</v>
      </c>
      <c r="M261" s="17" t="s">
        <v>3351</v>
      </c>
      <c r="N261" s="16" t="s">
        <v>9668</v>
      </c>
      <c r="O261" s="21">
        <v>1994</v>
      </c>
      <c r="P261" s="19">
        <v>1</v>
      </c>
      <c r="Q261" s="22"/>
      <c r="R261" s="23">
        <v>45065</v>
      </c>
    </row>
    <row r="262" spans="1:18" s="29" customFormat="1" ht="14.25" customHeight="1" x14ac:dyDescent="0.2">
      <c r="A262" s="15" t="s">
        <v>8060</v>
      </c>
      <c r="B262" s="10" t="s">
        <v>1806</v>
      </c>
      <c r="C262" s="16">
        <v>1</v>
      </c>
      <c r="D262" s="17">
        <v>511</v>
      </c>
      <c r="E262" s="17">
        <v>1503</v>
      </c>
      <c r="F262" s="25" t="s">
        <v>492</v>
      </c>
      <c r="G262" s="26" t="s">
        <v>6549</v>
      </c>
      <c r="H262" s="25" t="s">
        <v>493</v>
      </c>
      <c r="I262" s="25" t="s">
        <v>4354</v>
      </c>
      <c r="J262" s="18"/>
      <c r="K262" s="19"/>
      <c r="L262" s="25" t="s">
        <v>2104</v>
      </c>
      <c r="M262" s="17" t="s">
        <v>3352</v>
      </c>
      <c r="N262" s="16" t="s">
        <v>9669</v>
      </c>
      <c r="O262" s="21">
        <v>1994</v>
      </c>
      <c r="P262" s="19">
        <v>1</v>
      </c>
      <c r="Q262" s="22"/>
      <c r="R262" s="23">
        <v>45065</v>
      </c>
    </row>
    <row r="263" spans="1:18" s="29" customFormat="1" ht="14.25" customHeight="1" x14ac:dyDescent="0.2">
      <c r="A263" s="15" t="s">
        <v>8061</v>
      </c>
      <c r="B263" s="10" t="s">
        <v>1806</v>
      </c>
      <c r="C263" s="16">
        <v>1</v>
      </c>
      <c r="D263" s="17">
        <v>511</v>
      </c>
      <c r="E263" s="17">
        <v>1503</v>
      </c>
      <c r="F263" s="25" t="s">
        <v>494</v>
      </c>
      <c r="G263" s="26" t="s">
        <v>6550</v>
      </c>
      <c r="H263" s="25" t="s">
        <v>495</v>
      </c>
      <c r="I263" s="25" t="s">
        <v>4355</v>
      </c>
      <c r="J263" s="18"/>
      <c r="K263" s="19"/>
      <c r="L263" s="25" t="s">
        <v>2105</v>
      </c>
      <c r="M263" s="17" t="s">
        <v>3353</v>
      </c>
      <c r="N263" s="16" t="s">
        <v>9670</v>
      </c>
      <c r="O263" s="21">
        <v>1996</v>
      </c>
      <c r="P263" s="19">
        <v>1</v>
      </c>
      <c r="Q263" s="22"/>
      <c r="R263" s="23">
        <v>45065</v>
      </c>
    </row>
    <row r="264" spans="1:18" s="29" customFormat="1" ht="14.25" customHeight="1" x14ac:dyDescent="0.2">
      <c r="A264" s="15" t="s">
        <v>8062</v>
      </c>
      <c r="B264" s="10" t="s">
        <v>1806</v>
      </c>
      <c r="C264" s="16">
        <v>1</v>
      </c>
      <c r="D264" s="17">
        <v>511</v>
      </c>
      <c r="E264" s="17">
        <v>1503</v>
      </c>
      <c r="F264" s="25" t="s">
        <v>496</v>
      </c>
      <c r="G264" s="26" t="s">
        <v>6551</v>
      </c>
      <c r="H264" s="25" t="s">
        <v>489</v>
      </c>
      <c r="I264" s="25" t="s">
        <v>4356</v>
      </c>
      <c r="J264" s="18"/>
      <c r="K264" s="19"/>
      <c r="L264" s="25" t="s">
        <v>2106</v>
      </c>
      <c r="M264" s="17" t="s">
        <v>3354</v>
      </c>
      <c r="N264" s="16" t="s">
        <v>9671</v>
      </c>
      <c r="O264" s="21">
        <v>1997</v>
      </c>
      <c r="P264" s="19">
        <v>1</v>
      </c>
      <c r="Q264" s="22"/>
      <c r="R264" s="23">
        <v>45065</v>
      </c>
    </row>
    <row r="265" spans="1:18" s="29" customFormat="1" ht="14.25" customHeight="1" x14ac:dyDescent="0.2">
      <c r="A265" s="15" t="s">
        <v>8063</v>
      </c>
      <c r="B265" s="10" t="s">
        <v>1806</v>
      </c>
      <c r="C265" s="16">
        <v>1</v>
      </c>
      <c r="D265" s="17">
        <v>511</v>
      </c>
      <c r="E265" s="17">
        <v>1503</v>
      </c>
      <c r="F265" s="25" t="s">
        <v>497</v>
      </c>
      <c r="G265" s="26" t="s">
        <v>6552</v>
      </c>
      <c r="H265" s="25" t="s">
        <v>498</v>
      </c>
      <c r="I265" s="25" t="s">
        <v>4357</v>
      </c>
      <c r="J265" s="18"/>
      <c r="K265" s="19"/>
      <c r="L265" s="25" t="s">
        <v>2107</v>
      </c>
      <c r="M265" s="17" t="s">
        <v>3355</v>
      </c>
      <c r="N265" s="16" t="s">
        <v>9672</v>
      </c>
      <c r="O265" s="21">
        <v>1997</v>
      </c>
      <c r="P265" s="19">
        <v>1</v>
      </c>
      <c r="Q265" s="22"/>
      <c r="R265" s="23">
        <v>45065</v>
      </c>
    </row>
    <row r="266" spans="1:18" s="29" customFormat="1" ht="14.25" customHeight="1" x14ac:dyDescent="0.2">
      <c r="A266" s="15" t="s">
        <v>8064</v>
      </c>
      <c r="B266" s="10" t="s">
        <v>1806</v>
      </c>
      <c r="C266" s="16">
        <v>1</v>
      </c>
      <c r="D266" s="17">
        <v>511</v>
      </c>
      <c r="E266" s="17">
        <v>1503</v>
      </c>
      <c r="F266" s="25" t="s">
        <v>499</v>
      </c>
      <c r="G266" s="26" t="s">
        <v>6553</v>
      </c>
      <c r="H266" s="25" t="s">
        <v>483</v>
      </c>
      <c r="I266" s="25" t="s">
        <v>4358</v>
      </c>
      <c r="J266" s="18"/>
      <c r="K266" s="19"/>
      <c r="L266" s="25" t="s">
        <v>2108</v>
      </c>
      <c r="M266" s="17" t="s">
        <v>3356</v>
      </c>
      <c r="N266" s="16" t="s">
        <v>9673</v>
      </c>
      <c r="O266" s="21">
        <v>1999</v>
      </c>
      <c r="P266" s="19">
        <v>1</v>
      </c>
      <c r="Q266" s="22"/>
      <c r="R266" s="23">
        <v>45065</v>
      </c>
    </row>
    <row r="267" spans="1:18" s="29" customFormat="1" ht="14.25" customHeight="1" x14ac:dyDescent="0.2">
      <c r="A267" s="15" t="s">
        <v>8065</v>
      </c>
      <c r="B267" s="10" t="s">
        <v>1806</v>
      </c>
      <c r="C267" s="16">
        <v>1</v>
      </c>
      <c r="D267" s="17">
        <v>511</v>
      </c>
      <c r="E267" s="17">
        <v>1503</v>
      </c>
      <c r="F267" s="25" t="s">
        <v>500</v>
      </c>
      <c r="G267" s="26" t="s">
        <v>6554</v>
      </c>
      <c r="H267" s="25" t="s">
        <v>476</v>
      </c>
      <c r="I267" s="25" t="s">
        <v>4359</v>
      </c>
      <c r="J267" s="18"/>
      <c r="K267" s="19"/>
      <c r="L267" s="25" t="s">
        <v>2109</v>
      </c>
      <c r="M267" s="17" t="s">
        <v>3357</v>
      </c>
      <c r="N267" s="16" t="s">
        <v>9674</v>
      </c>
      <c r="O267" s="21">
        <v>2001</v>
      </c>
      <c r="P267" s="19">
        <v>1</v>
      </c>
      <c r="Q267" s="22"/>
      <c r="R267" s="23">
        <v>45065</v>
      </c>
    </row>
    <row r="268" spans="1:18" s="29" customFormat="1" ht="14.25" customHeight="1" x14ac:dyDescent="0.2">
      <c r="A268" s="15" t="s">
        <v>8066</v>
      </c>
      <c r="B268" s="10" t="s">
        <v>1806</v>
      </c>
      <c r="C268" s="16">
        <v>1</v>
      </c>
      <c r="D268" s="17">
        <v>511</v>
      </c>
      <c r="E268" s="17">
        <v>1503</v>
      </c>
      <c r="F268" s="25" t="s">
        <v>501</v>
      </c>
      <c r="G268" s="26" t="s">
        <v>6555</v>
      </c>
      <c r="H268" s="25" t="s">
        <v>502</v>
      </c>
      <c r="I268" s="25" t="s">
        <v>4360</v>
      </c>
      <c r="J268" s="18"/>
      <c r="K268" s="19"/>
      <c r="L268" s="25" t="s">
        <v>2110</v>
      </c>
      <c r="M268" s="17" t="s">
        <v>3358</v>
      </c>
      <c r="N268" s="16" t="s">
        <v>9675</v>
      </c>
      <c r="O268" s="21">
        <v>2002</v>
      </c>
      <c r="P268" s="19">
        <v>1</v>
      </c>
      <c r="Q268" s="22"/>
      <c r="R268" s="23">
        <v>45065</v>
      </c>
    </row>
    <row r="269" spans="1:18" s="29" customFormat="1" ht="14.25" customHeight="1" x14ac:dyDescent="0.2">
      <c r="A269" s="15" t="s">
        <v>8067</v>
      </c>
      <c r="B269" s="10" t="s">
        <v>1806</v>
      </c>
      <c r="C269" s="16">
        <v>1</v>
      </c>
      <c r="D269" s="17">
        <v>511</v>
      </c>
      <c r="E269" s="17">
        <v>1503</v>
      </c>
      <c r="F269" s="25" t="s">
        <v>503</v>
      </c>
      <c r="G269" s="26" t="s">
        <v>6556</v>
      </c>
      <c r="H269" s="25" t="s">
        <v>504</v>
      </c>
      <c r="I269" s="25" t="s">
        <v>4361</v>
      </c>
      <c r="J269" s="18"/>
      <c r="K269" s="19"/>
      <c r="L269" s="25" t="s">
        <v>2111</v>
      </c>
      <c r="M269" s="17" t="s">
        <v>3359</v>
      </c>
      <c r="N269" s="16" t="s">
        <v>9676</v>
      </c>
      <c r="O269" s="21">
        <v>2003</v>
      </c>
      <c r="P269" s="19">
        <v>1</v>
      </c>
      <c r="Q269" s="22"/>
      <c r="R269" s="23">
        <v>45065</v>
      </c>
    </row>
    <row r="270" spans="1:18" s="29" customFormat="1" ht="14.25" customHeight="1" x14ac:dyDescent="0.2">
      <c r="A270" s="15" t="s">
        <v>8068</v>
      </c>
      <c r="B270" s="10" t="s">
        <v>1806</v>
      </c>
      <c r="C270" s="16">
        <v>1</v>
      </c>
      <c r="D270" s="17">
        <v>511</v>
      </c>
      <c r="E270" s="17">
        <v>1503</v>
      </c>
      <c r="F270" s="25" t="s">
        <v>505</v>
      </c>
      <c r="G270" s="26" t="s">
        <v>6557</v>
      </c>
      <c r="H270" s="25" t="s">
        <v>506</v>
      </c>
      <c r="I270" s="25" t="s">
        <v>4362</v>
      </c>
      <c r="J270" s="18"/>
      <c r="K270" s="19"/>
      <c r="L270" s="25" t="s">
        <v>2112</v>
      </c>
      <c r="M270" s="17" t="s">
        <v>3360</v>
      </c>
      <c r="N270" s="16" t="s">
        <v>9677</v>
      </c>
      <c r="O270" s="21">
        <v>1873</v>
      </c>
      <c r="P270" s="19">
        <v>1</v>
      </c>
      <c r="Q270" s="22"/>
      <c r="R270" s="23">
        <v>45065</v>
      </c>
    </row>
    <row r="271" spans="1:18" s="29" customFormat="1" ht="14.25" customHeight="1" x14ac:dyDescent="0.2">
      <c r="A271" s="15" t="s">
        <v>8069</v>
      </c>
      <c r="B271" s="10" t="s">
        <v>1806</v>
      </c>
      <c r="C271" s="16">
        <v>1</v>
      </c>
      <c r="D271" s="17">
        <v>511</v>
      </c>
      <c r="E271" s="17">
        <v>1503</v>
      </c>
      <c r="F271" s="25" t="s">
        <v>507</v>
      </c>
      <c r="G271" s="26" t="s">
        <v>6558</v>
      </c>
      <c r="H271" s="25" t="s">
        <v>508</v>
      </c>
      <c r="I271" s="25" t="s">
        <v>4363</v>
      </c>
      <c r="J271" s="18"/>
      <c r="K271" s="19"/>
      <c r="L271" s="25" t="s">
        <v>2113</v>
      </c>
      <c r="M271" s="17" t="s">
        <v>3361</v>
      </c>
      <c r="N271" s="16" t="s">
        <v>9678</v>
      </c>
      <c r="O271" s="21">
        <v>1892</v>
      </c>
      <c r="P271" s="19">
        <v>1</v>
      </c>
      <c r="Q271" s="22"/>
      <c r="R271" s="23">
        <v>45065</v>
      </c>
    </row>
    <row r="272" spans="1:18" s="29" customFormat="1" ht="14.25" customHeight="1" x14ac:dyDescent="0.2">
      <c r="A272" s="15" t="s">
        <v>8070</v>
      </c>
      <c r="B272" s="10" t="s">
        <v>1806</v>
      </c>
      <c r="C272" s="16">
        <v>1</v>
      </c>
      <c r="D272" s="17">
        <v>511</v>
      </c>
      <c r="E272" s="17">
        <v>1503</v>
      </c>
      <c r="F272" s="25" t="s">
        <v>509</v>
      </c>
      <c r="G272" s="26" t="s">
        <v>6559</v>
      </c>
      <c r="H272" s="25" t="s">
        <v>510</v>
      </c>
      <c r="I272" s="25" t="s">
        <v>4364</v>
      </c>
      <c r="J272" s="18"/>
      <c r="K272" s="19"/>
      <c r="L272" s="25" t="s">
        <v>2114</v>
      </c>
      <c r="M272" s="17" t="s">
        <v>3362</v>
      </c>
      <c r="N272" s="16" t="s">
        <v>9679</v>
      </c>
      <c r="O272" s="21">
        <v>1916</v>
      </c>
      <c r="P272" s="19">
        <v>1</v>
      </c>
      <c r="Q272" s="22"/>
      <c r="R272" s="23">
        <v>45065</v>
      </c>
    </row>
    <row r="273" spans="1:18" s="29" customFormat="1" ht="14.25" customHeight="1" x14ac:dyDescent="0.2">
      <c r="A273" s="15" t="s">
        <v>8071</v>
      </c>
      <c r="B273" s="10" t="s">
        <v>1806</v>
      </c>
      <c r="C273" s="16">
        <v>1</v>
      </c>
      <c r="D273" s="17">
        <v>511</v>
      </c>
      <c r="E273" s="17">
        <v>1503</v>
      </c>
      <c r="F273" s="25" t="s">
        <v>511</v>
      </c>
      <c r="G273" s="26" t="s">
        <v>6560</v>
      </c>
      <c r="H273" s="25" t="s">
        <v>512</v>
      </c>
      <c r="I273" s="25" t="s">
        <v>4365</v>
      </c>
      <c r="J273" s="18"/>
      <c r="K273" s="19"/>
      <c r="L273" s="25" t="s">
        <v>2115</v>
      </c>
      <c r="M273" s="17" t="s">
        <v>3363</v>
      </c>
      <c r="N273" s="16" t="s">
        <v>9680</v>
      </c>
      <c r="O273" s="21">
        <v>1951</v>
      </c>
      <c r="P273" s="19">
        <v>1</v>
      </c>
      <c r="Q273" s="22"/>
      <c r="R273" s="23">
        <v>45065</v>
      </c>
    </row>
    <row r="274" spans="1:18" s="29" customFormat="1" ht="14.25" customHeight="1" x14ac:dyDescent="0.2">
      <c r="A274" s="15" t="s">
        <v>8072</v>
      </c>
      <c r="B274" s="10" t="s">
        <v>1806</v>
      </c>
      <c r="C274" s="16">
        <v>1</v>
      </c>
      <c r="D274" s="17">
        <v>511</v>
      </c>
      <c r="E274" s="17">
        <v>1503</v>
      </c>
      <c r="F274" s="25" t="s">
        <v>513</v>
      </c>
      <c r="G274" s="26" t="s">
        <v>6561</v>
      </c>
      <c r="H274" s="25" t="s">
        <v>514</v>
      </c>
      <c r="I274" s="25" t="s">
        <v>4366</v>
      </c>
      <c r="J274" s="18"/>
      <c r="K274" s="19"/>
      <c r="L274" s="25" t="s">
        <v>2116</v>
      </c>
      <c r="M274" s="17" t="s">
        <v>3364</v>
      </c>
      <c r="N274" s="16" t="s">
        <v>9681</v>
      </c>
      <c r="O274" s="21">
        <v>1964</v>
      </c>
      <c r="P274" s="19">
        <v>1</v>
      </c>
      <c r="Q274" s="22"/>
      <c r="R274" s="23">
        <v>45065</v>
      </c>
    </row>
    <row r="275" spans="1:18" s="29" customFormat="1" ht="14.25" customHeight="1" x14ac:dyDescent="0.2">
      <c r="A275" s="15" t="s">
        <v>8073</v>
      </c>
      <c r="B275" s="10" t="s">
        <v>1806</v>
      </c>
      <c r="C275" s="16">
        <v>1</v>
      </c>
      <c r="D275" s="17">
        <v>511</v>
      </c>
      <c r="E275" s="17">
        <v>1503</v>
      </c>
      <c r="F275" s="25" t="s">
        <v>515</v>
      </c>
      <c r="G275" s="26" t="s">
        <v>6562</v>
      </c>
      <c r="H275" s="25" t="s">
        <v>516</v>
      </c>
      <c r="I275" s="25" t="s">
        <v>4367</v>
      </c>
      <c r="J275" s="18"/>
      <c r="K275" s="19"/>
      <c r="L275" s="25" t="s">
        <v>2117</v>
      </c>
      <c r="M275" s="17" t="s">
        <v>3365</v>
      </c>
      <c r="N275" s="16" t="s">
        <v>9682</v>
      </c>
      <c r="O275" s="21">
        <v>1967</v>
      </c>
      <c r="P275" s="19">
        <v>1</v>
      </c>
      <c r="Q275" s="22"/>
      <c r="R275" s="23">
        <v>45065</v>
      </c>
    </row>
    <row r="276" spans="1:18" s="29" customFormat="1" ht="14.25" customHeight="1" x14ac:dyDescent="0.2">
      <c r="A276" s="15" t="s">
        <v>8074</v>
      </c>
      <c r="B276" s="10" t="s">
        <v>1806</v>
      </c>
      <c r="C276" s="16">
        <v>1</v>
      </c>
      <c r="D276" s="17">
        <v>511</v>
      </c>
      <c r="E276" s="17">
        <v>1503</v>
      </c>
      <c r="F276" s="25" t="s">
        <v>517</v>
      </c>
      <c r="G276" s="26" t="s">
        <v>6563</v>
      </c>
      <c r="H276" s="25" t="s">
        <v>518</v>
      </c>
      <c r="I276" s="25" t="s">
        <v>4368</v>
      </c>
      <c r="J276" s="18"/>
      <c r="K276" s="19"/>
      <c r="L276" s="25" t="s">
        <v>2118</v>
      </c>
      <c r="M276" s="17" t="s">
        <v>3366</v>
      </c>
      <c r="N276" s="16" t="s">
        <v>9683</v>
      </c>
      <c r="O276" s="21">
        <v>1969</v>
      </c>
      <c r="P276" s="19">
        <v>1</v>
      </c>
      <c r="Q276" s="22"/>
      <c r="R276" s="23">
        <v>45065</v>
      </c>
    </row>
    <row r="277" spans="1:18" s="29" customFormat="1" ht="14.25" customHeight="1" x14ac:dyDescent="0.2">
      <c r="A277" s="15" t="s">
        <v>8075</v>
      </c>
      <c r="B277" s="10" t="s">
        <v>1806</v>
      </c>
      <c r="C277" s="16">
        <v>1</v>
      </c>
      <c r="D277" s="17">
        <v>511</v>
      </c>
      <c r="E277" s="17">
        <v>1503</v>
      </c>
      <c r="F277" s="25" t="s">
        <v>519</v>
      </c>
      <c r="G277" s="26" t="s">
        <v>6564</v>
      </c>
      <c r="H277" s="25" t="s">
        <v>520</v>
      </c>
      <c r="I277" s="25" t="s">
        <v>4369</v>
      </c>
      <c r="J277" s="18"/>
      <c r="K277" s="19"/>
      <c r="L277" s="25" t="s">
        <v>2119</v>
      </c>
      <c r="M277" s="17" t="s">
        <v>3367</v>
      </c>
      <c r="N277" s="16" t="s">
        <v>9684</v>
      </c>
      <c r="O277" s="21">
        <v>1969</v>
      </c>
      <c r="P277" s="19">
        <v>1</v>
      </c>
      <c r="Q277" s="22"/>
      <c r="R277" s="23">
        <v>45065</v>
      </c>
    </row>
    <row r="278" spans="1:18" s="29" customFormat="1" ht="14.25" customHeight="1" x14ac:dyDescent="0.2">
      <c r="A278" s="15" t="s">
        <v>8076</v>
      </c>
      <c r="B278" s="10" t="s">
        <v>1806</v>
      </c>
      <c r="C278" s="16">
        <v>1</v>
      </c>
      <c r="D278" s="17">
        <v>511</v>
      </c>
      <c r="E278" s="17">
        <v>1503</v>
      </c>
      <c r="F278" s="25" t="s">
        <v>521</v>
      </c>
      <c r="G278" s="26" t="s">
        <v>6565</v>
      </c>
      <c r="H278" s="25" t="s">
        <v>522</v>
      </c>
      <c r="I278" s="25" t="s">
        <v>4370</v>
      </c>
      <c r="J278" s="18"/>
      <c r="K278" s="19"/>
      <c r="L278" s="25" t="s">
        <v>2120</v>
      </c>
      <c r="M278" s="17" t="s">
        <v>3368</v>
      </c>
      <c r="N278" s="16" t="s">
        <v>9685</v>
      </c>
      <c r="O278" s="21">
        <v>1969</v>
      </c>
      <c r="P278" s="19">
        <v>1</v>
      </c>
      <c r="Q278" s="22"/>
      <c r="R278" s="23">
        <v>45065</v>
      </c>
    </row>
    <row r="279" spans="1:18" s="29" customFormat="1" ht="14.25" customHeight="1" x14ac:dyDescent="0.2">
      <c r="A279" s="15" t="s">
        <v>8077</v>
      </c>
      <c r="B279" s="10" t="s">
        <v>1806</v>
      </c>
      <c r="C279" s="16">
        <v>1</v>
      </c>
      <c r="D279" s="17">
        <v>511</v>
      </c>
      <c r="E279" s="17">
        <v>1503</v>
      </c>
      <c r="F279" s="25" t="s">
        <v>523</v>
      </c>
      <c r="G279" s="26" t="s">
        <v>6566</v>
      </c>
      <c r="H279" s="25" t="s">
        <v>524</v>
      </c>
      <c r="I279" s="25" t="s">
        <v>4371</v>
      </c>
      <c r="J279" s="18"/>
      <c r="K279" s="19"/>
      <c r="L279" s="25" t="s">
        <v>2121</v>
      </c>
      <c r="M279" s="17" t="s">
        <v>3369</v>
      </c>
      <c r="N279" s="16" t="s">
        <v>9686</v>
      </c>
      <c r="O279" s="21">
        <v>1970</v>
      </c>
      <c r="P279" s="19">
        <v>1</v>
      </c>
      <c r="Q279" s="22"/>
      <c r="R279" s="23">
        <v>45065</v>
      </c>
    </row>
    <row r="280" spans="1:18" s="29" customFormat="1" ht="14.25" customHeight="1" x14ac:dyDescent="0.2">
      <c r="A280" s="15" t="s">
        <v>8078</v>
      </c>
      <c r="B280" s="10" t="s">
        <v>1806</v>
      </c>
      <c r="C280" s="16">
        <v>1</v>
      </c>
      <c r="D280" s="17">
        <v>511</v>
      </c>
      <c r="E280" s="17">
        <v>1503</v>
      </c>
      <c r="F280" s="25" t="s">
        <v>525</v>
      </c>
      <c r="G280" s="26" t="s">
        <v>6567</v>
      </c>
      <c r="H280" s="25" t="s">
        <v>506</v>
      </c>
      <c r="I280" s="25" t="s">
        <v>4372</v>
      </c>
      <c r="J280" s="18"/>
      <c r="K280" s="19"/>
      <c r="L280" s="25" t="s">
        <v>2122</v>
      </c>
      <c r="M280" s="17" t="s">
        <v>3370</v>
      </c>
      <c r="N280" s="16" t="s">
        <v>9687</v>
      </c>
      <c r="O280" s="21">
        <v>1971</v>
      </c>
      <c r="P280" s="19">
        <v>1</v>
      </c>
      <c r="Q280" s="22"/>
      <c r="R280" s="23">
        <v>45065</v>
      </c>
    </row>
    <row r="281" spans="1:18" s="29" customFormat="1" ht="14.25" customHeight="1" x14ac:dyDescent="0.2">
      <c r="A281" s="15" t="s">
        <v>8079</v>
      </c>
      <c r="B281" s="10" t="s">
        <v>1806</v>
      </c>
      <c r="C281" s="16">
        <v>1</v>
      </c>
      <c r="D281" s="17">
        <v>511</v>
      </c>
      <c r="E281" s="17">
        <v>1503</v>
      </c>
      <c r="F281" s="25" t="s">
        <v>526</v>
      </c>
      <c r="G281" s="26" t="s">
        <v>6568</v>
      </c>
      <c r="H281" s="25" t="s">
        <v>527</v>
      </c>
      <c r="I281" s="25" t="s">
        <v>4373</v>
      </c>
      <c r="J281" s="18"/>
      <c r="K281" s="19"/>
      <c r="L281" s="25" t="s">
        <v>2123</v>
      </c>
      <c r="M281" s="17" t="s">
        <v>3371</v>
      </c>
      <c r="N281" s="16" t="s">
        <v>9688</v>
      </c>
      <c r="O281" s="21">
        <v>1972</v>
      </c>
      <c r="P281" s="19">
        <v>1</v>
      </c>
      <c r="Q281" s="22"/>
      <c r="R281" s="23">
        <v>45065</v>
      </c>
    </row>
    <row r="282" spans="1:18" s="29" customFormat="1" ht="14.25" customHeight="1" x14ac:dyDescent="0.2">
      <c r="A282" s="15" t="s">
        <v>8080</v>
      </c>
      <c r="B282" s="10" t="s">
        <v>1806</v>
      </c>
      <c r="C282" s="16">
        <v>1</v>
      </c>
      <c r="D282" s="17">
        <v>511</v>
      </c>
      <c r="E282" s="17">
        <v>1503</v>
      </c>
      <c r="F282" s="25" t="s">
        <v>528</v>
      </c>
      <c r="G282" s="26" t="s">
        <v>6569</v>
      </c>
      <c r="H282" s="25" t="s">
        <v>529</v>
      </c>
      <c r="I282" s="25" t="s">
        <v>4374</v>
      </c>
      <c r="J282" s="18"/>
      <c r="K282" s="19"/>
      <c r="L282" s="25" t="s">
        <v>2124</v>
      </c>
      <c r="M282" s="17" t="s">
        <v>3372</v>
      </c>
      <c r="N282" s="16" t="s">
        <v>9689</v>
      </c>
      <c r="O282" s="21">
        <v>1973</v>
      </c>
      <c r="P282" s="19">
        <v>1</v>
      </c>
      <c r="Q282" s="22"/>
      <c r="R282" s="23">
        <v>45065</v>
      </c>
    </row>
    <row r="283" spans="1:18" s="29" customFormat="1" ht="14.25" customHeight="1" x14ac:dyDescent="0.2">
      <c r="A283" s="15" t="s">
        <v>8081</v>
      </c>
      <c r="B283" s="10" t="s">
        <v>1806</v>
      </c>
      <c r="C283" s="16">
        <v>1</v>
      </c>
      <c r="D283" s="17">
        <v>511</v>
      </c>
      <c r="E283" s="17">
        <v>1503</v>
      </c>
      <c r="F283" s="25" t="s">
        <v>530</v>
      </c>
      <c r="G283" s="26" t="s">
        <v>6570</v>
      </c>
      <c r="H283" s="25" t="s">
        <v>529</v>
      </c>
      <c r="I283" s="25" t="s">
        <v>4375</v>
      </c>
      <c r="J283" s="18"/>
      <c r="K283" s="19"/>
      <c r="L283" s="25" t="s">
        <v>2125</v>
      </c>
      <c r="M283" s="17" t="s">
        <v>3373</v>
      </c>
      <c r="N283" s="16" t="s">
        <v>9690</v>
      </c>
      <c r="O283" s="21">
        <v>2017</v>
      </c>
      <c r="P283" s="19">
        <v>1</v>
      </c>
      <c r="Q283" s="22"/>
      <c r="R283" s="23">
        <v>45065</v>
      </c>
    </row>
    <row r="284" spans="1:18" s="29" customFormat="1" ht="14.25" customHeight="1" x14ac:dyDescent="0.2">
      <c r="A284" s="15" t="s">
        <v>8082</v>
      </c>
      <c r="B284" s="10" t="s">
        <v>1806</v>
      </c>
      <c r="C284" s="16">
        <v>1</v>
      </c>
      <c r="D284" s="17">
        <v>511</v>
      </c>
      <c r="E284" s="17">
        <v>1503</v>
      </c>
      <c r="F284" s="25" t="s">
        <v>531</v>
      </c>
      <c r="G284" s="26" t="s">
        <v>6571</v>
      </c>
      <c r="H284" s="25" t="s">
        <v>514</v>
      </c>
      <c r="I284" s="25" t="s">
        <v>4376</v>
      </c>
      <c r="J284" s="18"/>
      <c r="K284" s="19"/>
      <c r="L284" s="25" t="s">
        <v>2126</v>
      </c>
      <c r="M284" s="17" t="s">
        <v>3374</v>
      </c>
      <c r="N284" s="16" t="s">
        <v>9691</v>
      </c>
      <c r="O284" s="21">
        <v>1975</v>
      </c>
      <c r="P284" s="19">
        <v>1</v>
      </c>
      <c r="Q284" s="22"/>
      <c r="R284" s="23">
        <v>45065</v>
      </c>
    </row>
    <row r="285" spans="1:18" s="29" customFormat="1" ht="14.25" customHeight="1" x14ac:dyDescent="0.2">
      <c r="A285" s="15" t="s">
        <v>8083</v>
      </c>
      <c r="B285" s="10" t="s">
        <v>1806</v>
      </c>
      <c r="C285" s="16">
        <v>1</v>
      </c>
      <c r="D285" s="17">
        <v>511</v>
      </c>
      <c r="E285" s="17">
        <v>1503</v>
      </c>
      <c r="F285" s="25" t="s">
        <v>532</v>
      </c>
      <c r="G285" s="26" t="s">
        <v>6572</v>
      </c>
      <c r="H285" s="25" t="s">
        <v>533</v>
      </c>
      <c r="I285" s="25" t="s">
        <v>4377</v>
      </c>
      <c r="J285" s="18"/>
      <c r="K285" s="19"/>
      <c r="L285" s="25" t="s">
        <v>2127</v>
      </c>
      <c r="M285" s="17" t="s">
        <v>3375</v>
      </c>
      <c r="N285" s="16" t="s">
        <v>9692</v>
      </c>
      <c r="O285" s="21">
        <v>1975</v>
      </c>
      <c r="P285" s="19">
        <v>1</v>
      </c>
      <c r="Q285" s="22"/>
      <c r="R285" s="23">
        <v>45065</v>
      </c>
    </row>
    <row r="286" spans="1:18" s="29" customFormat="1" ht="14.25" customHeight="1" x14ac:dyDescent="0.2">
      <c r="A286" s="15" t="s">
        <v>8084</v>
      </c>
      <c r="B286" s="10" t="s">
        <v>1806</v>
      </c>
      <c r="C286" s="16">
        <v>1</v>
      </c>
      <c r="D286" s="17">
        <v>511</v>
      </c>
      <c r="E286" s="17">
        <v>1503</v>
      </c>
      <c r="F286" s="25" t="s">
        <v>534</v>
      </c>
      <c r="G286" s="26" t="s">
        <v>6573</v>
      </c>
      <c r="H286" s="25" t="s">
        <v>527</v>
      </c>
      <c r="I286" s="25" t="s">
        <v>4378</v>
      </c>
      <c r="J286" s="18"/>
      <c r="K286" s="19"/>
      <c r="L286" s="25" t="s">
        <v>2128</v>
      </c>
      <c r="M286" s="17" t="s">
        <v>3376</v>
      </c>
      <c r="N286" s="16" t="s">
        <v>9693</v>
      </c>
      <c r="O286" s="21">
        <v>1979</v>
      </c>
      <c r="P286" s="19">
        <v>1</v>
      </c>
      <c r="Q286" s="22"/>
      <c r="R286" s="23">
        <v>45065</v>
      </c>
    </row>
    <row r="287" spans="1:18" s="29" customFormat="1" ht="14.25" customHeight="1" x14ac:dyDescent="0.2">
      <c r="A287" s="15" t="s">
        <v>8085</v>
      </c>
      <c r="B287" s="10" t="s">
        <v>1806</v>
      </c>
      <c r="C287" s="16">
        <v>1</v>
      </c>
      <c r="D287" s="17">
        <v>511</v>
      </c>
      <c r="E287" s="17">
        <v>1503</v>
      </c>
      <c r="F287" s="25" t="s">
        <v>535</v>
      </c>
      <c r="G287" s="26" t="s">
        <v>6574</v>
      </c>
      <c r="H287" s="25" t="s">
        <v>536</v>
      </c>
      <c r="I287" s="25" t="s">
        <v>4379</v>
      </c>
      <c r="J287" s="18"/>
      <c r="K287" s="19"/>
      <c r="L287" s="25" t="s">
        <v>2129</v>
      </c>
      <c r="M287" s="17" t="s">
        <v>3377</v>
      </c>
      <c r="N287" s="16" t="s">
        <v>9694</v>
      </c>
      <c r="O287" s="21">
        <v>1980</v>
      </c>
      <c r="P287" s="19">
        <v>1</v>
      </c>
      <c r="Q287" s="22"/>
      <c r="R287" s="23">
        <v>45065</v>
      </c>
    </row>
    <row r="288" spans="1:18" s="29" customFormat="1" ht="14.25" customHeight="1" x14ac:dyDescent="0.2">
      <c r="A288" s="15" t="s">
        <v>8086</v>
      </c>
      <c r="B288" s="10" t="s">
        <v>1806</v>
      </c>
      <c r="C288" s="16">
        <v>1</v>
      </c>
      <c r="D288" s="17">
        <v>511</v>
      </c>
      <c r="E288" s="17">
        <v>1503</v>
      </c>
      <c r="F288" s="25" t="s">
        <v>537</v>
      </c>
      <c r="G288" s="26" t="s">
        <v>6575</v>
      </c>
      <c r="H288" s="25" t="s">
        <v>538</v>
      </c>
      <c r="I288" s="25" t="s">
        <v>4380</v>
      </c>
      <c r="J288" s="18"/>
      <c r="K288" s="19"/>
      <c r="L288" s="25" t="s">
        <v>2130</v>
      </c>
      <c r="M288" s="17" t="s">
        <v>3378</v>
      </c>
      <c r="N288" s="16" t="s">
        <v>9695</v>
      </c>
      <c r="O288" s="21">
        <v>1981</v>
      </c>
      <c r="P288" s="19">
        <v>1</v>
      </c>
      <c r="Q288" s="22"/>
      <c r="R288" s="23">
        <v>45065</v>
      </c>
    </row>
    <row r="289" spans="1:18" s="29" customFormat="1" ht="14.25" customHeight="1" x14ac:dyDescent="0.2">
      <c r="A289" s="15" t="s">
        <v>8087</v>
      </c>
      <c r="B289" s="10" t="s">
        <v>1806</v>
      </c>
      <c r="C289" s="16">
        <v>1</v>
      </c>
      <c r="D289" s="17">
        <v>511</v>
      </c>
      <c r="E289" s="17">
        <v>1503</v>
      </c>
      <c r="F289" s="25" t="s">
        <v>539</v>
      </c>
      <c r="G289" s="26" t="s">
        <v>6576</v>
      </c>
      <c r="H289" s="25" t="s">
        <v>540</v>
      </c>
      <c r="I289" s="25" t="s">
        <v>4381</v>
      </c>
      <c r="J289" s="18"/>
      <c r="K289" s="19"/>
      <c r="L289" s="25" t="s">
        <v>2131</v>
      </c>
      <c r="M289" s="17" t="s">
        <v>3379</v>
      </c>
      <c r="N289" s="16" t="s">
        <v>9696</v>
      </c>
      <c r="O289" s="21">
        <v>1982</v>
      </c>
      <c r="P289" s="19">
        <v>1</v>
      </c>
      <c r="Q289" s="22"/>
      <c r="R289" s="23">
        <v>45065</v>
      </c>
    </row>
    <row r="290" spans="1:18" s="29" customFormat="1" ht="14.25" customHeight="1" x14ac:dyDescent="0.2">
      <c r="A290" s="15" t="s">
        <v>8088</v>
      </c>
      <c r="B290" s="10" t="s">
        <v>1806</v>
      </c>
      <c r="C290" s="16">
        <v>1</v>
      </c>
      <c r="D290" s="17">
        <v>511</v>
      </c>
      <c r="E290" s="17">
        <v>1503</v>
      </c>
      <c r="F290" s="25" t="s">
        <v>541</v>
      </c>
      <c r="G290" s="26" t="s">
        <v>6577</v>
      </c>
      <c r="H290" s="25" t="s">
        <v>542</v>
      </c>
      <c r="I290" s="25" t="s">
        <v>4382</v>
      </c>
      <c r="J290" s="18"/>
      <c r="K290" s="19"/>
      <c r="L290" s="25" t="s">
        <v>2132</v>
      </c>
      <c r="M290" s="17" t="s">
        <v>3380</v>
      </c>
      <c r="N290" s="16" t="s">
        <v>9697</v>
      </c>
      <c r="O290" s="21">
        <v>1983</v>
      </c>
      <c r="P290" s="19">
        <v>1</v>
      </c>
      <c r="Q290" s="22"/>
      <c r="R290" s="23">
        <v>45065</v>
      </c>
    </row>
    <row r="291" spans="1:18" s="29" customFormat="1" ht="14.25" customHeight="1" x14ac:dyDescent="0.2">
      <c r="A291" s="15" t="s">
        <v>8089</v>
      </c>
      <c r="B291" s="10" t="s">
        <v>1806</v>
      </c>
      <c r="C291" s="16">
        <v>1</v>
      </c>
      <c r="D291" s="17">
        <v>511</v>
      </c>
      <c r="E291" s="17">
        <v>1503</v>
      </c>
      <c r="F291" s="25" t="s">
        <v>543</v>
      </c>
      <c r="G291" s="26" t="s">
        <v>6578</v>
      </c>
      <c r="H291" s="25" t="s">
        <v>508</v>
      </c>
      <c r="I291" s="25" t="s">
        <v>4383</v>
      </c>
      <c r="J291" s="18"/>
      <c r="K291" s="19"/>
      <c r="L291" s="25" t="s">
        <v>2133</v>
      </c>
      <c r="M291" s="17" t="s">
        <v>3381</v>
      </c>
      <c r="N291" s="16" t="s">
        <v>9698</v>
      </c>
      <c r="O291" s="21">
        <v>1985</v>
      </c>
      <c r="P291" s="19">
        <v>1</v>
      </c>
      <c r="Q291" s="22"/>
      <c r="R291" s="23">
        <v>45065</v>
      </c>
    </row>
    <row r="292" spans="1:18" s="29" customFormat="1" ht="14.25" customHeight="1" x14ac:dyDescent="0.2">
      <c r="A292" s="15" t="s">
        <v>8090</v>
      </c>
      <c r="B292" s="10" t="s">
        <v>1806</v>
      </c>
      <c r="C292" s="16">
        <v>1</v>
      </c>
      <c r="D292" s="17">
        <v>511</v>
      </c>
      <c r="E292" s="17">
        <v>1503</v>
      </c>
      <c r="F292" s="25" t="s">
        <v>544</v>
      </c>
      <c r="G292" s="26" t="s">
        <v>6579</v>
      </c>
      <c r="H292" s="25" t="s">
        <v>545</v>
      </c>
      <c r="I292" s="25" t="s">
        <v>4384</v>
      </c>
      <c r="J292" s="18"/>
      <c r="K292" s="19"/>
      <c r="L292" s="25" t="s">
        <v>2134</v>
      </c>
      <c r="M292" s="30" t="s">
        <v>3382</v>
      </c>
      <c r="N292" s="16" t="s">
        <v>9699</v>
      </c>
      <c r="O292" s="21">
        <v>1986</v>
      </c>
      <c r="P292" s="19">
        <v>1</v>
      </c>
      <c r="Q292" s="22"/>
      <c r="R292" s="23">
        <v>45065</v>
      </c>
    </row>
    <row r="293" spans="1:18" s="29" customFormat="1" ht="14.25" customHeight="1" x14ac:dyDescent="0.2">
      <c r="A293" s="15" t="s">
        <v>8091</v>
      </c>
      <c r="B293" s="10" t="s">
        <v>1806</v>
      </c>
      <c r="C293" s="16">
        <v>1</v>
      </c>
      <c r="D293" s="17">
        <v>511</v>
      </c>
      <c r="E293" s="17">
        <v>1503</v>
      </c>
      <c r="F293" s="25" t="s">
        <v>546</v>
      </c>
      <c r="G293" s="26" t="s">
        <v>6580</v>
      </c>
      <c r="H293" s="25" t="s">
        <v>547</v>
      </c>
      <c r="I293" s="25" t="s">
        <v>4385</v>
      </c>
      <c r="J293" s="18"/>
      <c r="K293" s="19"/>
      <c r="L293" s="25" t="s">
        <v>2135</v>
      </c>
      <c r="M293" s="30" t="s">
        <v>3383</v>
      </c>
      <c r="N293" s="16" t="s">
        <v>9700</v>
      </c>
      <c r="O293" s="21">
        <v>1987</v>
      </c>
      <c r="P293" s="19">
        <v>1</v>
      </c>
      <c r="Q293" s="22"/>
      <c r="R293" s="23">
        <v>45065</v>
      </c>
    </row>
    <row r="294" spans="1:18" s="29" customFormat="1" ht="14.25" customHeight="1" x14ac:dyDescent="0.2">
      <c r="A294" s="15" t="s">
        <v>8092</v>
      </c>
      <c r="B294" s="10" t="s">
        <v>1806</v>
      </c>
      <c r="C294" s="16">
        <v>1</v>
      </c>
      <c r="D294" s="17">
        <v>511</v>
      </c>
      <c r="E294" s="17">
        <v>1503</v>
      </c>
      <c r="F294" s="25" t="s">
        <v>548</v>
      </c>
      <c r="G294" s="26" t="s">
        <v>6581</v>
      </c>
      <c r="H294" s="25" t="s">
        <v>549</v>
      </c>
      <c r="I294" s="25" t="s">
        <v>4386</v>
      </c>
      <c r="J294" s="18"/>
      <c r="K294" s="19"/>
      <c r="L294" s="25" t="s">
        <v>2136</v>
      </c>
      <c r="M294" s="30" t="s">
        <v>3384</v>
      </c>
      <c r="N294" s="16" t="s">
        <v>9701</v>
      </c>
      <c r="O294" s="21">
        <v>1988</v>
      </c>
      <c r="P294" s="19">
        <v>1</v>
      </c>
      <c r="Q294" s="22"/>
      <c r="R294" s="23">
        <v>45065</v>
      </c>
    </row>
    <row r="295" spans="1:18" s="29" customFormat="1" ht="14.25" customHeight="1" x14ac:dyDescent="0.2">
      <c r="A295" s="15" t="s">
        <v>8093</v>
      </c>
      <c r="B295" s="10" t="s">
        <v>1806</v>
      </c>
      <c r="C295" s="16">
        <v>1</v>
      </c>
      <c r="D295" s="17">
        <v>511</v>
      </c>
      <c r="E295" s="17">
        <v>1503</v>
      </c>
      <c r="F295" s="25" t="s">
        <v>550</v>
      </c>
      <c r="G295" s="26" t="s">
        <v>6582</v>
      </c>
      <c r="H295" s="25" t="s">
        <v>542</v>
      </c>
      <c r="I295" s="25" t="s">
        <v>4387</v>
      </c>
      <c r="J295" s="18"/>
      <c r="K295" s="19"/>
      <c r="L295" s="25" t="s">
        <v>2137</v>
      </c>
      <c r="M295" s="30" t="s">
        <v>3385</v>
      </c>
      <c r="N295" s="16" t="s">
        <v>9702</v>
      </c>
      <c r="O295" s="21">
        <v>1988</v>
      </c>
      <c r="P295" s="19">
        <v>1</v>
      </c>
      <c r="Q295" s="22"/>
      <c r="R295" s="23">
        <v>45065</v>
      </c>
    </row>
    <row r="296" spans="1:18" s="29" customFormat="1" ht="14.25" customHeight="1" x14ac:dyDescent="0.2">
      <c r="A296" s="15" t="s">
        <v>8094</v>
      </c>
      <c r="B296" s="10" t="s">
        <v>1806</v>
      </c>
      <c r="C296" s="16">
        <v>1</v>
      </c>
      <c r="D296" s="17">
        <v>511</v>
      </c>
      <c r="E296" s="17">
        <v>1503</v>
      </c>
      <c r="F296" s="25" t="s">
        <v>551</v>
      </c>
      <c r="G296" s="26" t="s">
        <v>6583</v>
      </c>
      <c r="H296" s="25" t="s">
        <v>506</v>
      </c>
      <c r="I296" s="25" t="s">
        <v>4388</v>
      </c>
      <c r="J296" s="18"/>
      <c r="K296" s="19"/>
      <c r="L296" s="25" t="s">
        <v>2138</v>
      </c>
      <c r="M296" s="30" t="s">
        <v>3386</v>
      </c>
      <c r="N296" s="16" t="s">
        <v>9703</v>
      </c>
      <c r="O296" s="21">
        <v>2001</v>
      </c>
      <c r="P296" s="19">
        <v>1</v>
      </c>
      <c r="Q296" s="22"/>
      <c r="R296" s="23">
        <v>45065</v>
      </c>
    </row>
    <row r="297" spans="1:18" s="29" customFormat="1" ht="14.25" customHeight="1" x14ac:dyDescent="0.2">
      <c r="A297" s="15" t="s">
        <v>8095</v>
      </c>
      <c r="B297" s="10" t="s">
        <v>1806</v>
      </c>
      <c r="C297" s="16">
        <v>1</v>
      </c>
      <c r="D297" s="17">
        <v>511</v>
      </c>
      <c r="E297" s="17">
        <v>1503</v>
      </c>
      <c r="F297" s="25" t="s">
        <v>552</v>
      </c>
      <c r="G297" s="30" t="s">
        <v>10674</v>
      </c>
      <c r="H297" s="25" t="s">
        <v>553</v>
      </c>
      <c r="I297" s="25" t="s">
        <v>4389</v>
      </c>
      <c r="J297" s="18"/>
      <c r="K297" s="19"/>
      <c r="L297" s="25" t="s">
        <v>2139</v>
      </c>
      <c r="M297" s="30" t="s">
        <v>3387</v>
      </c>
      <c r="N297" s="16" t="s">
        <v>9704</v>
      </c>
      <c r="O297" s="21">
        <v>1892</v>
      </c>
      <c r="P297" s="19">
        <v>1</v>
      </c>
      <c r="Q297" s="22"/>
      <c r="R297" s="23">
        <v>45065</v>
      </c>
    </row>
    <row r="298" spans="1:18" s="29" customFormat="1" ht="14.25" customHeight="1" x14ac:dyDescent="0.2">
      <c r="A298" s="15" t="s">
        <v>8096</v>
      </c>
      <c r="B298" s="10" t="s">
        <v>1806</v>
      </c>
      <c r="C298" s="16">
        <v>1</v>
      </c>
      <c r="D298" s="17">
        <v>511</v>
      </c>
      <c r="E298" s="17">
        <v>1503</v>
      </c>
      <c r="F298" s="25" t="s">
        <v>554</v>
      </c>
      <c r="G298" s="30" t="s">
        <v>10388</v>
      </c>
      <c r="H298" s="25" t="s">
        <v>555</v>
      </c>
      <c r="I298" s="25" t="s">
        <v>5175</v>
      </c>
      <c r="J298" s="18"/>
      <c r="K298" s="19"/>
      <c r="L298" s="25" t="s">
        <v>2140</v>
      </c>
      <c r="M298" s="30" t="s">
        <v>3388</v>
      </c>
      <c r="N298" s="16" t="s">
        <v>9705</v>
      </c>
      <c r="O298" s="21">
        <v>1892</v>
      </c>
      <c r="P298" s="19">
        <v>1</v>
      </c>
      <c r="Q298" s="22"/>
      <c r="R298" s="23">
        <v>45065</v>
      </c>
    </row>
    <row r="299" spans="1:18" s="29" customFormat="1" ht="14.25" customHeight="1" x14ac:dyDescent="0.2">
      <c r="A299" s="15" t="s">
        <v>8097</v>
      </c>
      <c r="B299" s="10" t="s">
        <v>1806</v>
      </c>
      <c r="C299" s="16">
        <v>1</v>
      </c>
      <c r="D299" s="17">
        <v>511</v>
      </c>
      <c r="E299" s="17">
        <v>1503</v>
      </c>
      <c r="F299" s="25" t="s">
        <v>556</v>
      </c>
      <c r="G299" s="30" t="s">
        <v>9706</v>
      </c>
      <c r="H299" s="25" t="s">
        <v>557</v>
      </c>
      <c r="I299" s="25" t="s">
        <v>10639</v>
      </c>
      <c r="J299" s="18"/>
      <c r="K299" s="19"/>
      <c r="L299" s="25" t="s">
        <v>2141</v>
      </c>
      <c r="M299" s="30" t="s">
        <v>3389</v>
      </c>
      <c r="N299" s="16" t="s">
        <v>9707</v>
      </c>
      <c r="O299" s="21">
        <v>1956</v>
      </c>
      <c r="P299" s="19">
        <v>1</v>
      </c>
      <c r="Q299" s="22"/>
      <c r="R299" s="23">
        <v>45065</v>
      </c>
    </row>
    <row r="300" spans="1:18" s="29" customFormat="1" ht="14.25" customHeight="1" x14ac:dyDescent="0.2">
      <c r="A300" s="15" t="s">
        <v>8098</v>
      </c>
      <c r="B300" s="10" t="s">
        <v>1806</v>
      </c>
      <c r="C300" s="16">
        <v>1</v>
      </c>
      <c r="D300" s="17">
        <v>511</v>
      </c>
      <c r="E300" s="17">
        <v>1503</v>
      </c>
      <c r="F300" s="25" t="s">
        <v>558</v>
      </c>
      <c r="G300" s="30" t="s">
        <v>10389</v>
      </c>
      <c r="H300" s="25" t="s">
        <v>559</v>
      </c>
      <c r="I300" s="25" t="s">
        <v>4390</v>
      </c>
      <c r="J300" s="18"/>
      <c r="K300" s="19"/>
      <c r="L300" s="25" t="s">
        <v>2142</v>
      </c>
      <c r="M300" s="30" t="s">
        <v>3390</v>
      </c>
      <c r="N300" s="16" t="s">
        <v>9708</v>
      </c>
      <c r="O300" s="21">
        <v>1876</v>
      </c>
      <c r="P300" s="19">
        <v>1</v>
      </c>
      <c r="Q300" s="22"/>
      <c r="R300" s="23">
        <v>45065</v>
      </c>
    </row>
    <row r="301" spans="1:18" s="29" customFormat="1" ht="14.25" customHeight="1" x14ac:dyDescent="0.2">
      <c r="A301" s="15" t="s">
        <v>8099</v>
      </c>
      <c r="B301" s="10" t="s">
        <v>1806</v>
      </c>
      <c r="C301" s="16">
        <v>1</v>
      </c>
      <c r="D301" s="17">
        <v>511</v>
      </c>
      <c r="E301" s="17">
        <v>1503</v>
      </c>
      <c r="F301" s="25" t="s">
        <v>560</v>
      </c>
      <c r="G301" s="30" t="s">
        <v>10390</v>
      </c>
      <c r="H301" s="25" t="s">
        <v>561</v>
      </c>
      <c r="I301" s="25" t="s">
        <v>4391</v>
      </c>
      <c r="J301" s="18"/>
      <c r="K301" s="19"/>
      <c r="L301" s="25" t="s">
        <v>2143</v>
      </c>
      <c r="M301" s="30" t="s">
        <v>3391</v>
      </c>
      <c r="N301" s="16" t="s">
        <v>9709</v>
      </c>
      <c r="O301" s="21">
        <v>1969</v>
      </c>
      <c r="P301" s="19">
        <v>1</v>
      </c>
      <c r="Q301" s="22"/>
      <c r="R301" s="23">
        <v>45065</v>
      </c>
    </row>
    <row r="302" spans="1:18" s="29" customFormat="1" ht="14.25" customHeight="1" x14ac:dyDescent="0.2">
      <c r="A302" s="15" t="s">
        <v>8100</v>
      </c>
      <c r="B302" s="10" t="s">
        <v>1806</v>
      </c>
      <c r="C302" s="16">
        <v>1</v>
      </c>
      <c r="D302" s="17">
        <v>511</v>
      </c>
      <c r="E302" s="17">
        <v>1503</v>
      </c>
      <c r="F302" s="25" t="s">
        <v>562</v>
      </c>
      <c r="G302" s="30" t="s">
        <v>9710</v>
      </c>
      <c r="H302" s="25" t="s">
        <v>563</v>
      </c>
      <c r="I302" s="25" t="s">
        <v>4392</v>
      </c>
      <c r="J302" s="18"/>
      <c r="K302" s="19"/>
      <c r="L302" s="25" t="s">
        <v>2144</v>
      </c>
      <c r="M302" s="30" t="s">
        <v>3392</v>
      </c>
      <c r="N302" s="16" t="s">
        <v>9711</v>
      </c>
      <c r="O302" s="21">
        <v>1971</v>
      </c>
      <c r="P302" s="19">
        <v>1</v>
      </c>
      <c r="Q302" s="22"/>
      <c r="R302" s="23">
        <v>45065</v>
      </c>
    </row>
    <row r="303" spans="1:18" s="29" customFormat="1" ht="14.25" customHeight="1" x14ac:dyDescent="0.2">
      <c r="A303" s="15" t="s">
        <v>8101</v>
      </c>
      <c r="B303" s="10" t="s">
        <v>1806</v>
      </c>
      <c r="C303" s="16">
        <v>1</v>
      </c>
      <c r="D303" s="17">
        <v>511</v>
      </c>
      <c r="E303" s="17">
        <v>1503</v>
      </c>
      <c r="F303" s="25" t="s">
        <v>564</v>
      </c>
      <c r="G303" s="30" t="s">
        <v>10391</v>
      </c>
      <c r="H303" s="25" t="s">
        <v>565</v>
      </c>
      <c r="I303" s="25" t="s">
        <v>4393</v>
      </c>
      <c r="J303" s="18"/>
      <c r="K303" s="19"/>
      <c r="L303" s="25" t="s">
        <v>2145</v>
      </c>
      <c r="M303" s="30" t="s">
        <v>3393</v>
      </c>
      <c r="N303" s="16" t="s">
        <v>9712</v>
      </c>
      <c r="O303" s="21">
        <v>1975</v>
      </c>
      <c r="P303" s="19">
        <v>1</v>
      </c>
      <c r="Q303" s="22"/>
      <c r="R303" s="23">
        <v>45065</v>
      </c>
    </row>
    <row r="304" spans="1:18" s="29" customFormat="1" ht="14.25" customHeight="1" x14ac:dyDescent="0.2">
      <c r="A304" s="15" t="s">
        <v>8102</v>
      </c>
      <c r="B304" s="10" t="s">
        <v>1806</v>
      </c>
      <c r="C304" s="16">
        <v>1</v>
      </c>
      <c r="D304" s="17">
        <v>511</v>
      </c>
      <c r="E304" s="17">
        <v>1503</v>
      </c>
      <c r="F304" s="25" t="s">
        <v>566</v>
      </c>
      <c r="G304" s="30" t="s">
        <v>10392</v>
      </c>
      <c r="H304" s="25" t="s">
        <v>567</v>
      </c>
      <c r="I304" s="25" t="s">
        <v>4394</v>
      </c>
      <c r="J304" s="18"/>
      <c r="K304" s="19"/>
      <c r="L304" s="25" t="s">
        <v>2146</v>
      </c>
      <c r="M304" s="30" t="s">
        <v>3394</v>
      </c>
      <c r="N304" s="16" t="s">
        <v>9713</v>
      </c>
      <c r="O304" s="21">
        <v>2006</v>
      </c>
      <c r="P304" s="19">
        <v>1</v>
      </c>
      <c r="Q304" s="22"/>
      <c r="R304" s="23">
        <v>45065</v>
      </c>
    </row>
    <row r="305" spans="1:18" s="29" customFormat="1" ht="14.25" customHeight="1" x14ac:dyDescent="0.2">
      <c r="A305" s="15" t="s">
        <v>8103</v>
      </c>
      <c r="B305" s="10" t="s">
        <v>1806</v>
      </c>
      <c r="C305" s="16">
        <v>1</v>
      </c>
      <c r="D305" s="17">
        <v>511</v>
      </c>
      <c r="E305" s="17">
        <v>1503</v>
      </c>
      <c r="F305" s="25" t="s">
        <v>10393</v>
      </c>
      <c r="G305" s="30" t="s">
        <v>9714</v>
      </c>
      <c r="H305" s="25" t="s">
        <v>565</v>
      </c>
      <c r="I305" s="25" t="s">
        <v>4395</v>
      </c>
      <c r="J305" s="18"/>
      <c r="K305" s="19"/>
      <c r="L305" s="25" t="s">
        <v>2147</v>
      </c>
      <c r="M305" s="30" t="s">
        <v>3395</v>
      </c>
      <c r="N305" s="16" t="s">
        <v>9715</v>
      </c>
      <c r="O305" s="21">
        <v>1976</v>
      </c>
      <c r="P305" s="19">
        <v>1</v>
      </c>
      <c r="Q305" s="22"/>
      <c r="R305" s="23">
        <v>45065</v>
      </c>
    </row>
    <row r="306" spans="1:18" s="29" customFormat="1" ht="14.25" customHeight="1" x14ac:dyDescent="0.2">
      <c r="A306" s="15" t="s">
        <v>8104</v>
      </c>
      <c r="B306" s="10" t="s">
        <v>1806</v>
      </c>
      <c r="C306" s="16">
        <v>1</v>
      </c>
      <c r="D306" s="17">
        <v>511</v>
      </c>
      <c r="E306" s="17">
        <v>1503</v>
      </c>
      <c r="F306" s="25" t="s">
        <v>568</v>
      </c>
      <c r="G306" s="30" t="s">
        <v>9716</v>
      </c>
      <c r="H306" s="25" t="s">
        <v>569</v>
      </c>
      <c r="I306" s="25" t="s">
        <v>4396</v>
      </c>
      <c r="J306" s="18"/>
      <c r="K306" s="19"/>
      <c r="L306" s="25" t="s">
        <v>2148</v>
      </c>
      <c r="M306" s="30" t="s">
        <v>3396</v>
      </c>
      <c r="N306" s="16" t="s">
        <v>9717</v>
      </c>
      <c r="O306" s="21">
        <v>1977</v>
      </c>
      <c r="P306" s="19">
        <v>1</v>
      </c>
      <c r="Q306" s="22"/>
      <c r="R306" s="23">
        <v>45065</v>
      </c>
    </row>
    <row r="307" spans="1:18" s="29" customFormat="1" ht="14.25" customHeight="1" x14ac:dyDescent="0.2">
      <c r="A307" s="15" t="s">
        <v>8105</v>
      </c>
      <c r="B307" s="10" t="s">
        <v>1806</v>
      </c>
      <c r="C307" s="16">
        <v>1</v>
      </c>
      <c r="D307" s="17">
        <v>511</v>
      </c>
      <c r="E307" s="17">
        <v>1503</v>
      </c>
      <c r="F307" s="25" t="s">
        <v>570</v>
      </c>
      <c r="G307" s="30" t="s">
        <v>6584</v>
      </c>
      <c r="H307" s="25" t="s">
        <v>571</v>
      </c>
      <c r="I307" s="25" t="s">
        <v>4397</v>
      </c>
      <c r="J307" s="18"/>
      <c r="K307" s="19"/>
      <c r="L307" s="25" t="s">
        <v>2149</v>
      </c>
      <c r="M307" s="30" t="s">
        <v>3397</v>
      </c>
      <c r="N307" s="16" t="s">
        <v>9718</v>
      </c>
      <c r="O307" s="21">
        <v>2006</v>
      </c>
      <c r="P307" s="19">
        <v>1</v>
      </c>
      <c r="Q307" s="22"/>
      <c r="R307" s="23">
        <v>45065</v>
      </c>
    </row>
    <row r="308" spans="1:18" s="29" customFormat="1" ht="14.25" customHeight="1" x14ac:dyDescent="0.2">
      <c r="A308" s="15" t="s">
        <v>8106</v>
      </c>
      <c r="B308" s="10" t="s">
        <v>1806</v>
      </c>
      <c r="C308" s="16">
        <v>1</v>
      </c>
      <c r="D308" s="17">
        <v>511</v>
      </c>
      <c r="E308" s="17">
        <v>1503</v>
      </c>
      <c r="F308" s="25" t="s">
        <v>572</v>
      </c>
      <c r="G308" s="30" t="s">
        <v>9719</v>
      </c>
      <c r="H308" s="25" t="s">
        <v>573</v>
      </c>
      <c r="I308" s="25" t="s">
        <v>4398</v>
      </c>
      <c r="J308" s="18"/>
      <c r="K308" s="19"/>
      <c r="L308" s="25" t="s">
        <v>2150</v>
      </c>
      <c r="M308" s="30" t="s">
        <v>3398</v>
      </c>
      <c r="N308" s="16" t="s">
        <v>9720</v>
      </c>
      <c r="O308" s="21">
        <v>1980</v>
      </c>
      <c r="P308" s="19">
        <v>1</v>
      </c>
      <c r="Q308" s="22"/>
      <c r="R308" s="23">
        <v>45065</v>
      </c>
    </row>
    <row r="309" spans="1:18" s="29" customFormat="1" ht="14.25" customHeight="1" x14ac:dyDescent="0.2">
      <c r="A309" s="15" t="s">
        <v>8107</v>
      </c>
      <c r="B309" s="10" t="s">
        <v>1806</v>
      </c>
      <c r="C309" s="16">
        <v>1</v>
      </c>
      <c r="D309" s="17">
        <v>511</v>
      </c>
      <c r="E309" s="17">
        <v>1503</v>
      </c>
      <c r="F309" s="25" t="s">
        <v>574</v>
      </c>
      <c r="G309" s="30" t="s">
        <v>10394</v>
      </c>
      <c r="H309" s="25" t="s">
        <v>575</v>
      </c>
      <c r="I309" s="25" t="s">
        <v>4399</v>
      </c>
      <c r="J309" s="18"/>
      <c r="K309" s="19"/>
      <c r="L309" s="25" t="s">
        <v>2151</v>
      </c>
      <c r="M309" s="30" t="s">
        <v>3399</v>
      </c>
      <c r="N309" s="16" t="s">
        <v>9721</v>
      </c>
      <c r="O309" s="21">
        <v>1981</v>
      </c>
      <c r="P309" s="19">
        <v>1</v>
      </c>
      <c r="Q309" s="22"/>
      <c r="R309" s="23">
        <v>45065</v>
      </c>
    </row>
    <row r="310" spans="1:18" s="29" customFormat="1" ht="14.25" customHeight="1" x14ac:dyDescent="0.2">
      <c r="A310" s="15" t="s">
        <v>8108</v>
      </c>
      <c r="B310" s="10" t="s">
        <v>1806</v>
      </c>
      <c r="C310" s="16">
        <v>1</v>
      </c>
      <c r="D310" s="17">
        <v>511</v>
      </c>
      <c r="E310" s="17">
        <v>1503</v>
      </c>
      <c r="F310" s="25" t="s">
        <v>576</v>
      </c>
      <c r="G310" s="30" t="s">
        <v>9722</v>
      </c>
      <c r="H310" s="25" t="s">
        <v>577</v>
      </c>
      <c r="I310" s="25" t="s">
        <v>4400</v>
      </c>
      <c r="J310" s="18"/>
      <c r="K310" s="19"/>
      <c r="L310" s="25" t="s">
        <v>2152</v>
      </c>
      <c r="M310" s="30" t="s">
        <v>3400</v>
      </c>
      <c r="N310" s="16" t="s">
        <v>9723</v>
      </c>
      <c r="O310" s="21">
        <v>1982</v>
      </c>
      <c r="P310" s="19">
        <v>1</v>
      </c>
      <c r="Q310" s="22"/>
      <c r="R310" s="23">
        <v>45065</v>
      </c>
    </row>
    <row r="311" spans="1:18" s="29" customFormat="1" ht="14.25" customHeight="1" x14ac:dyDescent="0.2">
      <c r="A311" s="15" t="s">
        <v>8109</v>
      </c>
      <c r="B311" s="10" t="s">
        <v>1806</v>
      </c>
      <c r="C311" s="16">
        <v>1</v>
      </c>
      <c r="D311" s="17">
        <v>511</v>
      </c>
      <c r="E311" s="17">
        <v>1503</v>
      </c>
      <c r="F311" s="25" t="s">
        <v>578</v>
      </c>
      <c r="G311" s="30" t="s">
        <v>9724</v>
      </c>
      <c r="H311" s="25" t="s">
        <v>5176</v>
      </c>
      <c r="I311" s="25" t="s">
        <v>4401</v>
      </c>
      <c r="J311" s="18"/>
      <c r="K311" s="19"/>
      <c r="L311" s="25" t="s">
        <v>2153</v>
      </c>
      <c r="M311" s="30" t="s">
        <v>3401</v>
      </c>
      <c r="N311" s="16" t="s">
        <v>9725</v>
      </c>
      <c r="O311" s="21">
        <v>1892</v>
      </c>
      <c r="P311" s="19">
        <v>1</v>
      </c>
      <c r="Q311" s="22"/>
      <c r="R311" s="23">
        <v>45065</v>
      </c>
    </row>
    <row r="312" spans="1:18" s="29" customFormat="1" ht="14.25" customHeight="1" x14ac:dyDescent="0.2">
      <c r="A312" s="15" t="s">
        <v>8110</v>
      </c>
      <c r="B312" s="10" t="s">
        <v>1806</v>
      </c>
      <c r="C312" s="16">
        <v>1</v>
      </c>
      <c r="D312" s="17">
        <v>511</v>
      </c>
      <c r="E312" s="17">
        <v>1503</v>
      </c>
      <c r="F312" s="25" t="s">
        <v>580</v>
      </c>
      <c r="G312" s="30" t="s">
        <v>9726</v>
      </c>
      <c r="H312" s="25" t="s">
        <v>581</v>
      </c>
      <c r="I312" s="25" t="s">
        <v>4402</v>
      </c>
      <c r="J312" s="18"/>
      <c r="K312" s="19"/>
      <c r="L312" s="25" t="s">
        <v>2154</v>
      </c>
      <c r="M312" s="30" t="s">
        <v>3402</v>
      </c>
      <c r="N312" s="16" t="s">
        <v>9727</v>
      </c>
      <c r="O312" s="21">
        <v>1921</v>
      </c>
      <c r="P312" s="19">
        <v>1</v>
      </c>
      <c r="Q312" s="22"/>
      <c r="R312" s="23">
        <v>45065</v>
      </c>
    </row>
    <row r="313" spans="1:18" s="29" customFormat="1" ht="14.25" customHeight="1" x14ac:dyDescent="0.2">
      <c r="A313" s="15" t="s">
        <v>8111</v>
      </c>
      <c r="B313" s="10" t="s">
        <v>1806</v>
      </c>
      <c r="C313" s="16">
        <v>1</v>
      </c>
      <c r="D313" s="17">
        <v>511</v>
      </c>
      <c r="E313" s="17">
        <v>1503</v>
      </c>
      <c r="F313" s="25" t="s">
        <v>582</v>
      </c>
      <c r="G313" s="30" t="s">
        <v>10395</v>
      </c>
      <c r="H313" s="25" t="s">
        <v>583</v>
      </c>
      <c r="I313" s="25" t="s">
        <v>4403</v>
      </c>
      <c r="J313" s="18"/>
      <c r="K313" s="19"/>
      <c r="L313" s="25" t="s">
        <v>2155</v>
      </c>
      <c r="M313" s="30" t="s">
        <v>3403</v>
      </c>
      <c r="N313" s="16" t="s">
        <v>9728</v>
      </c>
      <c r="O313" s="21">
        <v>1951</v>
      </c>
      <c r="P313" s="19">
        <v>1</v>
      </c>
      <c r="Q313" s="22"/>
      <c r="R313" s="23">
        <v>45065</v>
      </c>
    </row>
    <row r="314" spans="1:18" s="29" customFormat="1" ht="14.25" customHeight="1" x14ac:dyDescent="0.2">
      <c r="A314" s="15" t="s">
        <v>8112</v>
      </c>
      <c r="B314" s="10" t="s">
        <v>1806</v>
      </c>
      <c r="C314" s="16">
        <v>1</v>
      </c>
      <c r="D314" s="17">
        <v>511</v>
      </c>
      <c r="E314" s="17">
        <v>1503</v>
      </c>
      <c r="F314" s="25" t="s">
        <v>584</v>
      </c>
      <c r="G314" s="30" t="s">
        <v>10396</v>
      </c>
      <c r="H314" s="25" t="s">
        <v>579</v>
      </c>
      <c r="I314" s="25" t="s">
        <v>4404</v>
      </c>
      <c r="J314" s="18"/>
      <c r="K314" s="19"/>
      <c r="L314" s="25" t="s">
        <v>2156</v>
      </c>
      <c r="M314" s="30" t="s">
        <v>3404</v>
      </c>
      <c r="N314" s="16" t="s">
        <v>9729</v>
      </c>
      <c r="O314" s="21">
        <v>1968</v>
      </c>
      <c r="P314" s="19">
        <v>1</v>
      </c>
      <c r="Q314" s="22"/>
      <c r="R314" s="23">
        <v>45065</v>
      </c>
    </row>
    <row r="315" spans="1:18" s="29" customFormat="1" ht="14.25" customHeight="1" x14ac:dyDescent="0.2">
      <c r="A315" s="15" t="s">
        <v>8113</v>
      </c>
      <c r="B315" s="10" t="s">
        <v>1806</v>
      </c>
      <c r="C315" s="16">
        <v>1</v>
      </c>
      <c r="D315" s="17">
        <v>511</v>
      </c>
      <c r="E315" s="17">
        <v>1503</v>
      </c>
      <c r="F315" s="25" t="s">
        <v>585</v>
      </c>
      <c r="G315" s="30" t="s">
        <v>9730</v>
      </c>
      <c r="H315" s="25" t="s">
        <v>586</v>
      </c>
      <c r="I315" s="25" t="s">
        <v>4405</v>
      </c>
      <c r="J315" s="18"/>
      <c r="K315" s="19"/>
      <c r="L315" s="25" t="s">
        <v>2157</v>
      </c>
      <c r="M315" s="30" t="s">
        <v>3405</v>
      </c>
      <c r="N315" s="16" t="s">
        <v>9731</v>
      </c>
      <c r="O315" s="21">
        <v>1968</v>
      </c>
      <c r="P315" s="19">
        <v>1</v>
      </c>
      <c r="Q315" s="22"/>
      <c r="R315" s="23">
        <v>45065</v>
      </c>
    </row>
    <row r="316" spans="1:18" s="29" customFormat="1" ht="14.25" customHeight="1" x14ac:dyDescent="0.2">
      <c r="A316" s="15" t="s">
        <v>8114</v>
      </c>
      <c r="B316" s="10" t="s">
        <v>1806</v>
      </c>
      <c r="C316" s="16">
        <v>1</v>
      </c>
      <c r="D316" s="17">
        <v>511</v>
      </c>
      <c r="E316" s="17">
        <v>1503</v>
      </c>
      <c r="F316" s="25" t="s">
        <v>587</v>
      </c>
      <c r="G316" s="30" t="s">
        <v>9732</v>
      </c>
      <c r="H316" s="25" t="s">
        <v>588</v>
      </c>
      <c r="I316" s="25" t="s">
        <v>4406</v>
      </c>
      <c r="J316" s="18"/>
      <c r="K316" s="19"/>
      <c r="L316" s="25" t="s">
        <v>2158</v>
      </c>
      <c r="M316" s="30" t="s">
        <v>3406</v>
      </c>
      <c r="N316" s="16" t="s">
        <v>9733</v>
      </c>
      <c r="O316" s="21">
        <v>1968</v>
      </c>
      <c r="P316" s="19">
        <v>1</v>
      </c>
      <c r="Q316" s="22"/>
      <c r="R316" s="23">
        <v>45065</v>
      </c>
    </row>
    <row r="317" spans="1:18" s="29" customFormat="1" ht="14.25" customHeight="1" x14ac:dyDescent="0.2">
      <c r="A317" s="15" t="s">
        <v>8115</v>
      </c>
      <c r="B317" s="10" t="s">
        <v>1806</v>
      </c>
      <c r="C317" s="16">
        <v>1</v>
      </c>
      <c r="D317" s="17">
        <v>511</v>
      </c>
      <c r="E317" s="17">
        <v>1503</v>
      </c>
      <c r="F317" s="25" t="s">
        <v>589</v>
      </c>
      <c r="G317" s="30" t="s">
        <v>9734</v>
      </c>
      <c r="H317" s="25" t="s">
        <v>590</v>
      </c>
      <c r="I317" s="25" t="s">
        <v>4407</v>
      </c>
      <c r="J317" s="18"/>
      <c r="K317" s="19"/>
      <c r="L317" s="25" t="s">
        <v>2159</v>
      </c>
      <c r="M317" s="30" t="s">
        <v>3407</v>
      </c>
      <c r="N317" s="16" t="s">
        <v>9735</v>
      </c>
      <c r="O317" s="21">
        <v>1971</v>
      </c>
      <c r="P317" s="19">
        <v>1</v>
      </c>
      <c r="Q317" s="22"/>
      <c r="R317" s="23">
        <v>45065</v>
      </c>
    </row>
    <row r="318" spans="1:18" s="29" customFormat="1" ht="14.25" customHeight="1" x14ac:dyDescent="0.2">
      <c r="A318" s="15" t="s">
        <v>8116</v>
      </c>
      <c r="B318" s="10" t="s">
        <v>1806</v>
      </c>
      <c r="C318" s="16">
        <v>1</v>
      </c>
      <c r="D318" s="17">
        <v>511</v>
      </c>
      <c r="E318" s="17">
        <v>1503</v>
      </c>
      <c r="F318" s="25" t="s">
        <v>591</v>
      </c>
      <c r="G318" s="30" t="s">
        <v>10397</v>
      </c>
      <c r="H318" s="25" t="s">
        <v>592</v>
      </c>
      <c r="I318" s="25" t="s">
        <v>4408</v>
      </c>
      <c r="J318" s="18"/>
      <c r="K318" s="19"/>
      <c r="L318" s="25" t="s">
        <v>2160</v>
      </c>
      <c r="M318" s="30" t="s">
        <v>3408</v>
      </c>
      <c r="N318" s="16" t="s">
        <v>9736</v>
      </c>
      <c r="O318" s="21">
        <v>1972</v>
      </c>
      <c r="P318" s="19">
        <v>1</v>
      </c>
      <c r="Q318" s="22"/>
      <c r="R318" s="23">
        <v>45065</v>
      </c>
    </row>
    <row r="319" spans="1:18" s="29" customFormat="1" ht="14.25" customHeight="1" x14ac:dyDescent="0.2">
      <c r="A319" s="15" t="s">
        <v>8117</v>
      </c>
      <c r="B319" s="10" t="s">
        <v>1806</v>
      </c>
      <c r="C319" s="16">
        <v>1</v>
      </c>
      <c r="D319" s="17">
        <v>511</v>
      </c>
      <c r="E319" s="17">
        <v>1503</v>
      </c>
      <c r="F319" s="25" t="s">
        <v>593</v>
      </c>
      <c r="G319" s="30" t="s">
        <v>9737</v>
      </c>
      <c r="H319" s="25" t="s">
        <v>579</v>
      </c>
      <c r="I319" s="25" t="s">
        <v>4409</v>
      </c>
      <c r="J319" s="18"/>
      <c r="K319" s="19"/>
      <c r="L319" s="25" t="s">
        <v>2161</v>
      </c>
      <c r="M319" s="30" t="s">
        <v>3409</v>
      </c>
      <c r="N319" s="16" t="s">
        <v>9738</v>
      </c>
      <c r="O319" s="21">
        <v>1974</v>
      </c>
      <c r="P319" s="19">
        <v>1</v>
      </c>
      <c r="Q319" s="22"/>
      <c r="R319" s="23">
        <v>45065</v>
      </c>
    </row>
    <row r="320" spans="1:18" s="29" customFormat="1" ht="14.25" customHeight="1" x14ac:dyDescent="0.2">
      <c r="A320" s="15" t="s">
        <v>8118</v>
      </c>
      <c r="B320" s="10" t="s">
        <v>1806</v>
      </c>
      <c r="C320" s="16">
        <v>1</v>
      </c>
      <c r="D320" s="17">
        <v>511</v>
      </c>
      <c r="E320" s="17">
        <v>1503</v>
      </c>
      <c r="F320" s="25" t="s">
        <v>594</v>
      </c>
      <c r="G320" s="30" t="s">
        <v>10398</v>
      </c>
      <c r="H320" s="25" t="s">
        <v>583</v>
      </c>
      <c r="I320" s="25" t="s">
        <v>4410</v>
      </c>
      <c r="J320" s="18"/>
      <c r="K320" s="19"/>
      <c r="L320" s="25" t="s">
        <v>2162</v>
      </c>
      <c r="M320" s="30" t="s">
        <v>3410</v>
      </c>
      <c r="N320" s="16" t="s">
        <v>9739</v>
      </c>
      <c r="O320" s="21">
        <v>1975</v>
      </c>
      <c r="P320" s="19">
        <v>1</v>
      </c>
      <c r="Q320" s="22"/>
      <c r="R320" s="23">
        <v>45065</v>
      </c>
    </row>
    <row r="321" spans="1:18" s="29" customFormat="1" ht="14.25" customHeight="1" x14ac:dyDescent="0.2">
      <c r="A321" s="15" t="s">
        <v>8119</v>
      </c>
      <c r="B321" s="10" t="s">
        <v>1806</v>
      </c>
      <c r="C321" s="16">
        <v>1</v>
      </c>
      <c r="D321" s="17">
        <v>511</v>
      </c>
      <c r="E321" s="17">
        <v>1503</v>
      </c>
      <c r="F321" s="25" t="s">
        <v>595</v>
      </c>
      <c r="G321" s="30" t="s">
        <v>9740</v>
      </c>
      <c r="H321" s="25" t="s">
        <v>579</v>
      </c>
      <c r="I321" s="25" t="s">
        <v>4411</v>
      </c>
      <c r="J321" s="18"/>
      <c r="K321" s="19"/>
      <c r="L321" s="25" t="s">
        <v>2163</v>
      </c>
      <c r="M321" s="30" t="s">
        <v>3411</v>
      </c>
      <c r="N321" s="16" t="s">
        <v>9741</v>
      </c>
      <c r="O321" s="21">
        <v>1978</v>
      </c>
      <c r="P321" s="19">
        <v>1</v>
      </c>
      <c r="Q321" s="22"/>
      <c r="R321" s="23">
        <v>45065</v>
      </c>
    </row>
    <row r="322" spans="1:18" s="29" customFormat="1" ht="14.25" customHeight="1" x14ac:dyDescent="0.2">
      <c r="A322" s="15" t="s">
        <v>8120</v>
      </c>
      <c r="B322" s="10" t="s">
        <v>1806</v>
      </c>
      <c r="C322" s="16">
        <v>1</v>
      </c>
      <c r="D322" s="17">
        <v>511</v>
      </c>
      <c r="E322" s="17">
        <v>1503</v>
      </c>
      <c r="F322" s="25" t="s">
        <v>596</v>
      </c>
      <c r="G322" s="30" t="s">
        <v>9742</v>
      </c>
      <c r="H322" s="25" t="s">
        <v>5176</v>
      </c>
      <c r="I322" s="25" t="s">
        <v>5177</v>
      </c>
      <c r="J322" s="18"/>
      <c r="K322" s="19"/>
      <c r="L322" s="25" t="s">
        <v>2164</v>
      </c>
      <c r="M322" s="30" t="s">
        <v>3412</v>
      </c>
      <c r="N322" s="16" t="s">
        <v>9743</v>
      </c>
      <c r="O322" s="21">
        <v>1979</v>
      </c>
      <c r="P322" s="19">
        <v>1</v>
      </c>
      <c r="Q322" s="22"/>
      <c r="R322" s="23">
        <v>45065</v>
      </c>
    </row>
    <row r="323" spans="1:18" s="29" customFormat="1" ht="14.25" customHeight="1" x14ac:dyDescent="0.2">
      <c r="A323" s="15" t="s">
        <v>8121</v>
      </c>
      <c r="B323" s="10" t="s">
        <v>1806</v>
      </c>
      <c r="C323" s="16">
        <v>1</v>
      </c>
      <c r="D323" s="17">
        <v>511</v>
      </c>
      <c r="E323" s="17">
        <v>1503</v>
      </c>
      <c r="F323" s="25" t="s">
        <v>597</v>
      </c>
      <c r="G323" s="30" t="s">
        <v>9744</v>
      </c>
      <c r="H323" s="25" t="s">
        <v>598</v>
      </c>
      <c r="I323" s="25" t="s">
        <v>4412</v>
      </c>
      <c r="J323" s="18"/>
      <c r="K323" s="19"/>
      <c r="L323" s="25" t="s">
        <v>2165</v>
      </c>
      <c r="M323" s="30" t="s">
        <v>3413</v>
      </c>
      <c r="N323" s="16" t="s">
        <v>9745</v>
      </c>
      <c r="O323" s="21">
        <v>1995</v>
      </c>
      <c r="P323" s="19">
        <v>1</v>
      </c>
      <c r="Q323" s="22"/>
      <c r="R323" s="23">
        <v>45065</v>
      </c>
    </row>
    <row r="324" spans="1:18" s="29" customFormat="1" ht="14.25" customHeight="1" x14ac:dyDescent="0.2">
      <c r="A324" s="15" t="s">
        <v>8122</v>
      </c>
      <c r="B324" s="10" t="s">
        <v>1806</v>
      </c>
      <c r="C324" s="16">
        <v>1</v>
      </c>
      <c r="D324" s="17">
        <v>511</v>
      </c>
      <c r="E324" s="17">
        <v>1503</v>
      </c>
      <c r="F324" s="25" t="s">
        <v>599</v>
      </c>
      <c r="G324" s="30" t="s">
        <v>6585</v>
      </c>
      <c r="H324" s="25" t="s">
        <v>586</v>
      </c>
      <c r="I324" s="25" t="s">
        <v>4413</v>
      </c>
      <c r="J324" s="18"/>
      <c r="K324" s="19"/>
      <c r="L324" s="25" t="s">
        <v>2166</v>
      </c>
      <c r="M324" s="30" t="s">
        <v>3414</v>
      </c>
      <c r="N324" s="16" t="s">
        <v>9746</v>
      </c>
      <c r="O324" s="21">
        <v>2014</v>
      </c>
      <c r="P324" s="19">
        <v>1</v>
      </c>
      <c r="Q324" s="22"/>
      <c r="R324" s="23">
        <v>45065</v>
      </c>
    </row>
    <row r="325" spans="1:18" s="29" customFormat="1" ht="14.25" customHeight="1" x14ac:dyDescent="0.2">
      <c r="A325" s="15" t="s">
        <v>8123</v>
      </c>
      <c r="B325" s="10" t="s">
        <v>1806</v>
      </c>
      <c r="C325" s="16">
        <v>1</v>
      </c>
      <c r="D325" s="17">
        <v>511</v>
      </c>
      <c r="E325" s="17">
        <v>1503</v>
      </c>
      <c r="F325" s="25" t="s">
        <v>600</v>
      </c>
      <c r="G325" s="17" t="s">
        <v>9747</v>
      </c>
      <c r="H325" s="25" t="s">
        <v>601</v>
      </c>
      <c r="I325" s="25" t="s">
        <v>4414</v>
      </c>
      <c r="J325" s="18"/>
      <c r="K325" s="19"/>
      <c r="L325" s="25" t="s">
        <v>2167</v>
      </c>
      <c r="M325" s="17" t="s">
        <v>3415</v>
      </c>
      <c r="N325" s="16" t="s">
        <v>9748</v>
      </c>
      <c r="O325" s="21">
        <v>1890</v>
      </c>
      <c r="P325" s="19">
        <v>1</v>
      </c>
      <c r="Q325" s="22"/>
      <c r="R325" s="23">
        <v>45065</v>
      </c>
    </row>
    <row r="326" spans="1:18" s="29" customFormat="1" ht="14.25" customHeight="1" x14ac:dyDescent="0.2">
      <c r="A326" s="15" t="s">
        <v>8124</v>
      </c>
      <c r="B326" s="10" t="s">
        <v>1806</v>
      </c>
      <c r="C326" s="16">
        <v>1</v>
      </c>
      <c r="D326" s="17">
        <v>511</v>
      </c>
      <c r="E326" s="17">
        <v>1503</v>
      </c>
      <c r="F326" s="25" t="s">
        <v>602</v>
      </c>
      <c r="G326" s="17" t="s">
        <v>10399</v>
      </c>
      <c r="H326" s="25" t="s">
        <v>603</v>
      </c>
      <c r="I326" s="25" t="s">
        <v>4415</v>
      </c>
      <c r="J326" s="18"/>
      <c r="K326" s="19"/>
      <c r="L326" s="25" t="s">
        <v>2168</v>
      </c>
      <c r="M326" s="17" t="s">
        <v>3416</v>
      </c>
      <c r="N326" s="16" t="s">
        <v>9749</v>
      </c>
      <c r="O326" s="21">
        <v>1943</v>
      </c>
      <c r="P326" s="19">
        <v>1</v>
      </c>
      <c r="Q326" s="22"/>
      <c r="R326" s="23">
        <v>45065</v>
      </c>
    </row>
    <row r="327" spans="1:18" s="29" customFormat="1" ht="14.25" customHeight="1" x14ac:dyDescent="0.2">
      <c r="A327" s="15" t="s">
        <v>8125</v>
      </c>
      <c r="B327" s="10" t="s">
        <v>1806</v>
      </c>
      <c r="C327" s="16">
        <v>1</v>
      </c>
      <c r="D327" s="17">
        <v>511</v>
      </c>
      <c r="E327" s="17">
        <v>1503</v>
      </c>
      <c r="F327" s="25" t="s">
        <v>604</v>
      </c>
      <c r="G327" s="17" t="s">
        <v>10400</v>
      </c>
      <c r="H327" s="25" t="s">
        <v>605</v>
      </c>
      <c r="I327" s="25" t="s">
        <v>4416</v>
      </c>
      <c r="J327" s="18"/>
      <c r="K327" s="19"/>
      <c r="L327" s="25" t="s">
        <v>2169</v>
      </c>
      <c r="M327" s="17" t="s">
        <v>3417</v>
      </c>
      <c r="N327" s="16" t="s">
        <v>9750</v>
      </c>
      <c r="O327" s="21">
        <v>1948</v>
      </c>
      <c r="P327" s="19">
        <v>1</v>
      </c>
      <c r="Q327" s="22"/>
      <c r="R327" s="23">
        <v>45065</v>
      </c>
    </row>
    <row r="328" spans="1:18" s="29" customFormat="1" ht="14.25" customHeight="1" x14ac:dyDescent="0.2">
      <c r="A328" s="15" t="s">
        <v>8126</v>
      </c>
      <c r="B328" s="10" t="s">
        <v>1806</v>
      </c>
      <c r="C328" s="16">
        <v>1</v>
      </c>
      <c r="D328" s="17">
        <v>511</v>
      </c>
      <c r="E328" s="17">
        <v>1503</v>
      </c>
      <c r="F328" s="25" t="s">
        <v>5178</v>
      </c>
      <c r="G328" s="17" t="s">
        <v>9751</v>
      </c>
      <c r="H328" s="25" t="s">
        <v>606</v>
      </c>
      <c r="I328" s="25" t="s">
        <v>10640</v>
      </c>
      <c r="J328" s="18"/>
      <c r="K328" s="19"/>
      <c r="L328" s="25" t="s">
        <v>2170</v>
      </c>
      <c r="M328" s="17" t="s">
        <v>3418</v>
      </c>
      <c r="N328" s="16" t="s">
        <v>9752</v>
      </c>
      <c r="O328" s="21">
        <v>1956</v>
      </c>
      <c r="P328" s="19">
        <v>1</v>
      </c>
      <c r="Q328" s="22"/>
      <c r="R328" s="23">
        <v>45065</v>
      </c>
    </row>
    <row r="329" spans="1:18" s="29" customFormat="1" ht="14.25" customHeight="1" x14ac:dyDescent="0.2">
      <c r="A329" s="15" t="s">
        <v>8127</v>
      </c>
      <c r="B329" s="10" t="s">
        <v>1806</v>
      </c>
      <c r="C329" s="16">
        <v>1</v>
      </c>
      <c r="D329" s="17">
        <v>511</v>
      </c>
      <c r="E329" s="17">
        <v>1503</v>
      </c>
      <c r="F329" s="25" t="s">
        <v>607</v>
      </c>
      <c r="G329" s="17" t="s">
        <v>9753</v>
      </c>
      <c r="H329" s="25" t="s">
        <v>608</v>
      </c>
      <c r="I329" s="25" t="s">
        <v>4417</v>
      </c>
      <c r="J329" s="18"/>
      <c r="K329" s="19"/>
      <c r="L329" s="25" t="s">
        <v>2171</v>
      </c>
      <c r="M329" s="17" t="s">
        <v>3419</v>
      </c>
      <c r="N329" s="16" t="s">
        <v>9754</v>
      </c>
      <c r="O329" s="21">
        <v>1959</v>
      </c>
      <c r="P329" s="19">
        <v>1</v>
      </c>
      <c r="Q329" s="22"/>
      <c r="R329" s="23">
        <v>45065</v>
      </c>
    </row>
    <row r="330" spans="1:18" s="29" customFormat="1" ht="14.25" customHeight="1" x14ac:dyDescent="0.2">
      <c r="A330" s="15" t="s">
        <v>8128</v>
      </c>
      <c r="B330" s="10" t="s">
        <v>1806</v>
      </c>
      <c r="C330" s="16">
        <v>1</v>
      </c>
      <c r="D330" s="17">
        <v>511</v>
      </c>
      <c r="E330" s="17">
        <v>1503</v>
      </c>
      <c r="F330" s="25" t="s">
        <v>609</v>
      </c>
      <c r="G330" s="17" t="s">
        <v>9755</v>
      </c>
      <c r="H330" s="25" t="s">
        <v>610</v>
      </c>
      <c r="I330" s="25" t="s">
        <v>5179</v>
      </c>
      <c r="J330" s="18"/>
      <c r="K330" s="19"/>
      <c r="L330" s="25" t="s">
        <v>2172</v>
      </c>
      <c r="M330" s="17" t="s">
        <v>3420</v>
      </c>
      <c r="N330" s="16" t="s">
        <v>9756</v>
      </c>
      <c r="O330" s="21">
        <v>1965</v>
      </c>
      <c r="P330" s="19">
        <v>1</v>
      </c>
      <c r="Q330" s="22"/>
      <c r="R330" s="23">
        <v>45065</v>
      </c>
    </row>
    <row r="331" spans="1:18" s="29" customFormat="1" ht="14.25" customHeight="1" x14ac:dyDescent="0.2">
      <c r="A331" s="15" t="s">
        <v>8129</v>
      </c>
      <c r="B331" s="10" t="s">
        <v>1806</v>
      </c>
      <c r="C331" s="16">
        <v>1</v>
      </c>
      <c r="D331" s="17">
        <v>511</v>
      </c>
      <c r="E331" s="17">
        <v>1503</v>
      </c>
      <c r="F331" s="25" t="s">
        <v>611</v>
      </c>
      <c r="G331" s="17" t="s">
        <v>10401</v>
      </c>
      <c r="H331" s="25" t="s">
        <v>612</v>
      </c>
      <c r="I331" s="25" t="s">
        <v>4418</v>
      </c>
      <c r="J331" s="18"/>
      <c r="K331" s="19"/>
      <c r="L331" s="25" t="s">
        <v>2173</v>
      </c>
      <c r="M331" s="17" t="s">
        <v>3421</v>
      </c>
      <c r="N331" s="16" t="s">
        <v>9757</v>
      </c>
      <c r="O331" s="21">
        <v>1966</v>
      </c>
      <c r="P331" s="19">
        <v>1</v>
      </c>
      <c r="Q331" s="22"/>
      <c r="R331" s="23">
        <v>45065</v>
      </c>
    </row>
    <row r="332" spans="1:18" s="29" customFormat="1" ht="14.25" customHeight="1" x14ac:dyDescent="0.2">
      <c r="A332" s="15" t="s">
        <v>8130</v>
      </c>
      <c r="B332" s="10" t="s">
        <v>1806</v>
      </c>
      <c r="C332" s="16">
        <v>1</v>
      </c>
      <c r="D332" s="17">
        <v>511</v>
      </c>
      <c r="E332" s="17">
        <v>1503</v>
      </c>
      <c r="F332" s="25" t="s">
        <v>613</v>
      </c>
      <c r="G332" s="17" t="s">
        <v>9758</v>
      </c>
      <c r="H332" s="25" t="s">
        <v>601</v>
      </c>
      <c r="I332" s="25" t="s">
        <v>4419</v>
      </c>
      <c r="J332" s="18"/>
      <c r="K332" s="19"/>
      <c r="L332" s="25" t="s">
        <v>2174</v>
      </c>
      <c r="M332" s="17" t="s">
        <v>3422</v>
      </c>
      <c r="N332" s="16" t="s">
        <v>9759</v>
      </c>
      <c r="O332" s="21">
        <v>1968</v>
      </c>
      <c r="P332" s="19">
        <v>1</v>
      </c>
      <c r="Q332" s="22"/>
      <c r="R332" s="23">
        <v>45065</v>
      </c>
    </row>
    <row r="333" spans="1:18" s="29" customFormat="1" ht="14.25" customHeight="1" x14ac:dyDescent="0.2">
      <c r="A333" s="15" t="s">
        <v>8131</v>
      </c>
      <c r="B333" s="10" t="s">
        <v>1806</v>
      </c>
      <c r="C333" s="16">
        <v>1</v>
      </c>
      <c r="D333" s="17">
        <v>511</v>
      </c>
      <c r="E333" s="17">
        <v>1503</v>
      </c>
      <c r="F333" s="25" t="s">
        <v>614</v>
      </c>
      <c r="G333" s="17" t="s">
        <v>10402</v>
      </c>
      <c r="H333" s="25" t="s">
        <v>615</v>
      </c>
      <c r="I333" s="25" t="s">
        <v>4420</v>
      </c>
      <c r="J333" s="18"/>
      <c r="K333" s="19"/>
      <c r="L333" s="25" t="s">
        <v>2175</v>
      </c>
      <c r="M333" s="17" t="s">
        <v>3423</v>
      </c>
      <c r="N333" s="16" t="s">
        <v>9760</v>
      </c>
      <c r="O333" s="21">
        <v>1973</v>
      </c>
      <c r="P333" s="19">
        <v>1</v>
      </c>
      <c r="Q333" s="22"/>
      <c r="R333" s="23">
        <v>45065</v>
      </c>
    </row>
    <row r="334" spans="1:18" s="29" customFormat="1" ht="14.25" customHeight="1" x14ac:dyDescent="0.2">
      <c r="A334" s="15" t="s">
        <v>8132</v>
      </c>
      <c r="B334" s="10" t="s">
        <v>1806</v>
      </c>
      <c r="C334" s="16">
        <v>1</v>
      </c>
      <c r="D334" s="17">
        <v>511</v>
      </c>
      <c r="E334" s="17">
        <v>1503</v>
      </c>
      <c r="F334" s="25" t="s">
        <v>616</v>
      </c>
      <c r="G334" s="17" t="s">
        <v>6586</v>
      </c>
      <c r="H334" s="25" t="s">
        <v>617</v>
      </c>
      <c r="I334" s="25" t="s">
        <v>4421</v>
      </c>
      <c r="J334" s="18"/>
      <c r="K334" s="19"/>
      <c r="L334" s="25" t="s">
        <v>2176</v>
      </c>
      <c r="M334" s="17" t="s">
        <v>3424</v>
      </c>
      <c r="N334" s="16" t="s">
        <v>9761</v>
      </c>
      <c r="O334" s="21">
        <v>2010</v>
      </c>
      <c r="P334" s="19">
        <v>1</v>
      </c>
      <c r="Q334" s="22"/>
      <c r="R334" s="23">
        <v>45065</v>
      </c>
    </row>
    <row r="335" spans="1:18" s="29" customFormat="1" ht="14.25" customHeight="1" x14ac:dyDescent="0.2">
      <c r="A335" s="15" t="s">
        <v>8133</v>
      </c>
      <c r="B335" s="10" t="s">
        <v>1806</v>
      </c>
      <c r="C335" s="16">
        <v>1</v>
      </c>
      <c r="D335" s="17">
        <v>511</v>
      </c>
      <c r="E335" s="17">
        <v>1503</v>
      </c>
      <c r="F335" s="25" t="s">
        <v>618</v>
      </c>
      <c r="G335" s="17" t="s">
        <v>9762</v>
      </c>
      <c r="H335" s="25" t="s">
        <v>619</v>
      </c>
      <c r="I335" s="25" t="s">
        <v>4422</v>
      </c>
      <c r="J335" s="18"/>
      <c r="K335" s="19"/>
      <c r="L335" s="25" t="s">
        <v>2177</v>
      </c>
      <c r="M335" s="17" t="s">
        <v>3425</v>
      </c>
      <c r="N335" s="16" t="s">
        <v>9763</v>
      </c>
      <c r="O335" s="21">
        <v>1982</v>
      </c>
      <c r="P335" s="19">
        <v>1</v>
      </c>
      <c r="Q335" s="22"/>
      <c r="R335" s="23">
        <v>45065</v>
      </c>
    </row>
    <row r="336" spans="1:18" s="29" customFormat="1" ht="14.25" customHeight="1" x14ac:dyDescent="0.2">
      <c r="A336" s="15" t="s">
        <v>8134</v>
      </c>
      <c r="B336" s="10" t="s">
        <v>1806</v>
      </c>
      <c r="C336" s="16">
        <v>2</v>
      </c>
      <c r="D336" s="16">
        <v>512</v>
      </c>
      <c r="E336" s="16">
        <v>1504</v>
      </c>
      <c r="F336" s="31" t="s">
        <v>1484</v>
      </c>
      <c r="G336" s="32" t="s">
        <v>6587</v>
      </c>
      <c r="H336" s="31" t="s">
        <v>1485</v>
      </c>
      <c r="I336" s="31" t="s">
        <v>4423</v>
      </c>
      <c r="J336" s="19"/>
      <c r="K336" s="19"/>
      <c r="L336" s="31" t="s">
        <v>2178</v>
      </c>
      <c r="M336" s="16" t="s">
        <v>3426</v>
      </c>
      <c r="N336" s="16" t="s">
        <v>9770</v>
      </c>
      <c r="O336" s="21">
        <v>1947</v>
      </c>
      <c r="P336" s="19">
        <v>1</v>
      </c>
      <c r="Q336" s="22"/>
      <c r="R336" s="23">
        <v>45065</v>
      </c>
    </row>
    <row r="337" spans="1:18" s="29" customFormat="1" ht="14.25" customHeight="1" x14ac:dyDescent="0.2">
      <c r="A337" s="15" t="s">
        <v>8135</v>
      </c>
      <c r="B337" s="10" t="s">
        <v>1806</v>
      </c>
      <c r="C337" s="16">
        <v>2</v>
      </c>
      <c r="D337" s="16">
        <v>512</v>
      </c>
      <c r="E337" s="16">
        <v>1504</v>
      </c>
      <c r="F337" s="31" t="s">
        <v>1486</v>
      </c>
      <c r="G337" s="32" t="s">
        <v>6588</v>
      </c>
      <c r="H337" s="31" t="s">
        <v>30</v>
      </c>
      <c r="I337" s="31" t="s">
        <v>4424</v>
      </c>
      <c r="J337" s="19"/>
      <c r="K337" s="19"/>
      <c r="L337" s="31" t="s">
        <v>2179</v>
      </c>
      <c r="M337" s="16" t="s">
        <v>3427</v>
      </c>
      <c r="N337" s="16" t="s">
        <v>9771</v>
      </c>
      <c r="O337" s="21">
        <v>1947</v>
      </c>
      <c r="P337" s="19">
        <v>1</v>
      </c>
      <c r="Q337" s="22"/>
      <c r="R337" s="23">
        <v>45065</v>
      </c>
    </row>
    <row r="338" spans="1:18" s="29" customFormat="1" ht="14.25" customHeight="1" x14ac:dyDescent="0.2">
      <c r="A338" s="15" t="s">
        <v>8136</v>
      </c>
      <c r="B338" s="10" t="s">
        <v>1806</v>
      </c>
      <c r="C338" s="16">
        <v>2</v>
      </c>
      <c r="D338" s="16">
        <v>512</v>
      </c>
      <c r="E338" s="16">
        <v>1504</v>
      </c>
      <c r="F338" s="31" t="s">
        <v>1487</v>
      </c>
      <c r="G338" s="32" t="s">
        <v>6589</v>
      </c>
      <c r="H338" s="31" t="s">
        <v>53</v>
      </c>
      <c r="I338" s="31" t="s">
        <v>4425</v>
      </c>
      <c r="J338" s="19"/>
      <c r="K338" s="19"/>
      <c r="L338" s="31" t="s">
        <v>2180</v>
      </c>
      <c r="M338" s="16" t="s">
        <v>3428</v>
      </c>
      <c r="N338" s="16" t="s">
        <v>9772</v>
      </c>
      <c r="O338" s="21">
        <v>1947</v>
      </c>
      <c r="P338" s="19">
        <v>1</v>
      </c>
      <c r="Q338" s="22"/>
      <c r="R338" s="23">
        <v>45065</v>
      </c>
    </row>
    <row r="339" spans="1:18" s="29" customFormat="1" ht="14.25" customHeight="1" x14ac:dyDescent="0.2">
      <c r="A339" s="15" t="s">
        <v>8137</v>
      </c>
      <c r="B339" s="10" t="s">
        <v>1806</v>
      </c>
      <c r="C339" s="16">
        <v>2</v>
      </c>
      <c r="D339" s="16">
        <v>512</v>
      </c>
      <c r="E339" s="16">
        <v>1504</v>
      </c>
      <c r="F339" s="31" t="s">
        <v>1488</v>
      </c>
      <c r="G339" s="32" t="s">
        <v>6590</v>
      </c>
      <c r="H339" s="31" t="s">
        <v>44</v>
      </c>
      <c r="I339" s="31" t="s">
        <v>4426</v>
      </c>
      <c r="J339" s="19"/>
      <c r="K339" s="19"/>
      <c r="L339" s="31" t="s">
        <v>2181</v>
      </c>
      <c r="M339" s="16" t="s">
        <v>3429</v>
      </c>
      <c r="N339" s="16" t="s">
        <v>9773</v>
      </c>
      <c r="O339" s="21">
        <v>1947</v>
      </c>
      <c r="P339" s="19">
        <v>1</v>
      </c>
      <c r="Q339" s="22"/>
      <c r="R339" s="23">
        <v>45065</v>
      </c>
    </row>
    <row r="340" spans="1:18" s="29" customFormat="1" ht="14.25" customHeight="1" x14ac:dyDescent="0.2">
      <c r="A340" s="15" t="s">
        <v>8138</v>
      </c>
      <c r="B340" s="10" t="s">
        <v>1806</v>
      </c>
      <c r="C340" s="16">
        <v>2</v>
      </c>
      <c r="D340" s="16">
        <v>512</v>
      </c>
      <c r="E340" s="16">
        <v>1504</v>
      </c>
      <c r="F340" s="31" t="s">
        <v>1489</v>
      </c>
      <c r="G340" s="32" t="s">
        <v>6591</v>
      </c>
      <c r="H340" s="31" t="s">
        <v>34</v>
      </c>
      <c r="I340" s="31" t="s">
        <v>4427</v>
      </c>
      <c r="J340" s="19"/>
      <c r="K340" s="19"/>
      <c r="L340" s="31" t="s">
        <v>2182</v>
      </c>
      <c r="M340" s="16" t="s">
        <v>3430</v>
      </c>
      <c r="N340" s="16" t="s">
        <v>9774</v>
      </c>
      <c r="O340" s="21">
        <v>1947</v>
      </c>
      <c r="P340" s="19">
        <v>1</v>
      </c>
      <c r="Q340" s="22"/>
      <c r="R340" s="23">
        <v>45065</v>
      </c>
    </row>
    <row r="341" spans="1:18" s="29" customFormat="1" ht="14.25" customHeight="1" x14ac:dyDescent="0.2">
      <c r="A341" s="15" t="s">
        <v>8139</v>
      </c>
      <c r="B341" s="10" t="s">
        <v>1806</v>
      </c>
      <c r="C341" s="16">
        <v>2</v>
      </c>
      <c r="D341" s="16">
        <v>512</v>
      </c>
      <c r="E341" s="16">
        <v>1504</v>
      </c>
      <c r="F341" s="31" t="s">
        <v>1490</v>
      </c>
      <c r="G341" s="32" t="s">
        <v>6592</v>
      </c>
      <c r="H341" s="31" t="s">
        <v>48</v>
      </c>
      <c r="I341" s="31" t="s">
        <v>4428</v>
      </c>
      <c r="J341" s="19"/>
      <c r="K341" s="19"/>
      <c r="L341" s="31" t="s">
        <v>2183</v>
      </c>
      <c r="M341" s="16" t="s">
        <v>3431</v>
      </c>
      <c r="N341" s="16" t="s">
        <v>9775</v>
      </c>
      <c r="O341" s="21">
        <v>1947</v>
      </c>
      <c r="P341" s="19">
        <v>1</v>
      </c>
      <c r="Q341" s="22"/>
      <c r="R341" s="23">
        <v>45065</v>
      </c>
    </row>
    <row r="342" spans="1:18" s="29" customFormat="1" ht="14.25" customHeight="1" x14ac:dyDescent="0.2">
      <c r="A342" s="15" t="s">
        <v>8140</v>
      </c>
      <c r="B342" s="10" t="s">
        <v>1806</v>
      </c>
      <c r="C342" s="16">
        <v>2</v>
      </c>
      <c r="D342" s="16">
        <v>512</v>
      </c>
      <c r="E342" s="16">
        <v>1504</v>
      </c>
      <c r="F342" s="31" t="s">
        <v>1491</v>
      </c>
      <c r="G342" s="32" t="s">
        <v>6593</v>
      </c>
      <c r="H342" s="31" t="s">
        <v>1492</v>
      </c>
      <c r="I342" s="31" t="s">
        <v>4429</v>
      </c>
      <c r="J342" s="19"/>
      <c r="K342" s="19"/>
      <c r="L342" s="31" t="s">
        <v>2184</v>
      </c>
      <c r="M342" s="16" t="s">
        <v>3432</v>
      </c>
      <c r="N342" s="16" t="s">
        <v>9776</v>
      </c>
      <c r="O342" s="21">
        <v>1962</v>
      </c>
      <c r="P342" s="19">
        <v>1</v>
      </c>
      <c r="Q342" s="22"/>
      <c r="R342" s="23">
        <v>45065</v>
      </c>
    </row>
    <row r="343" spans="1:18" s="29" customFormat="1" ht="14.25" customHeight="1" x14ac:dyDescent="0.2">
      <c r="A343" s="15" t="s">
        <v>8141</v>
      </c>
      <c r="B343" s="10" t="s">
        <v>1806</v>
      </c>
      <c r="C343" s="16">
        <v>2</v>
      </c>
      <c r="D343" s="16">
        <v>512</v>
      </c>
      <c r="E343" s="16">
        <v>1504</v>
      </c>
      <c r="F343" s="31" t="s">
        <v>1493</v>
      </c>
      <c r="G343" s="32" t="s">
        <v>6594</v>
      </c>
      <c r="H343" s="31" t="s">
        <v>50</v>
      </c>
      <c r="I343" s="31" t="s">
        <v>4430</v>
      </c>
      <c r="J343" s="19"/>
      <c r="K343" s="19"/>
      <c r="L343" s="31" t="s">
        <v>2185</v>
      </c>
      <c r="M343" s="16" t="s">
        <v>3433</v>
      </c>
      <c r="N343" s="16" t="s">
        <v>9777</v>
      </c>
      <c r="O343" s="21">
        <v>1963</v>
      </c>
      <c r="P343" s="19">
        <v>1</v>
      </c>
      <c r="Q343" s="22"/>
      <c r="R343" s="23">
        <v>45065</v>
      </c>
    </row>
    <row r="344" spans="1:18" ht="14.25" customHeight="1" x14ac:dyDescent="0.2">
      <c r="A344" s="15" t="s">
        <v>8142</v>
      </c>
      <c r="B344" s="10" t="s">
        <v>1806</v>
      </c>
      <c r="C344" s="16">
        <v>2</v>
      </c>
      <c r="D344" s="16">
        <v>512</v>
      </c>
      <c r="E344" s="16">
        <v>1504</v>
      </c>
      <c r="F344" s="31" t="s">
        <v>1494</v>
      </c>
      <c r="G344" s="32" t="s">
        <v>6595</v>
      </c>
      <c r="H344" s="31" t="s">
        <v>1495</v>
      </c>
      <c r="I344" s="31" t="s">
        <v>4431</v>
      </c>
      <c r="J344" s="19"/>
      <c r="K344" s="19"/>
      <c r="L344" s="31" t="s">
        <v>2186</v>
      </c>
      <c r="M344" s="16" t="s">
        <v>3434</v>
      </c>
      <c r="N344" s="16" t="s">
        <v>9778</v>
      </c>
      <c r="O344" s="21">
        <v>1978</v>
      </c>
      <c r="P344" s="19">
        <v>1</v>
      </c>
      <c r="Q344" s="22"/>
      <c r="R344" s="23">
        <v>45065</v>
      </c>
    </row>
    <row r="345" spans="1:18" s="29" customFormat="1" ht="14.25" customHeight="1" x14ac:dyDescent="0.2">
      <c r="A345" s="15" t="s">
        <v>8143</v>
      </c>
      <c r="B345" s="10" t="s">
        <v>1806</v>
      </c>
      <c r="C345" s="16">
        <v>2</v>
      </c>
      <c r="D345" s="16">
        <v>512</v>
      </c>
      <c r="E345" s="16">
        <v>1504</v>
      </c>
      <c r="F345" s="31" t="s">
        <v>10411</v>
      </c>
      <c r="G345" s="32" t="s">
        <v>6596</v>
      </c>
      <c r="H345" s="31" t="s">
        <v>10412</v>
      </c>
      <c r="I345" s="31" t="s">
        <v>4573</v>
      </c>
      <c r="J345" s="19"/>
      <c r="K345" s="19"/>
      <c r="L345" s="31" t="s">
        <v>2329</v>
      </c>
      <c r="M345" s="16" t="s">
        <v>10413</v>
      </c>
      <c r="N345" s="16" t="s">
        <v>9779</v>
      </c>
      <c r="O345" s="21">
        <v>2017</v>
      </c>
      <c r="P345" s="19">
        <v>1</v>
      </c>
      <c r="Q345" s="22"/>
      <c r="R345" s="23">
        <v>45065</v>
      </c>
    </row>
    <row r="346" spans="1:18" s="29" customFormat="1" ht="14.25" customHeight="1" x14ac:dyDescent="0.2">
      <c r="A346" s="15" t="s">
        <v>8144</v>
      </c>
      <c r="B346" s="10" t="s">
        <v>1806</v>
      </c>
      <c r="C346" s="16">
        <v>2</v>
      </c>
      <c r="D346" s="16">
        <v>512</v>
      </c>
      <c r="E346" s="16">
        <v>1504</v>
      </c>
      <c r="F346" s="31" t="s">
        <v>1496</v>
      </c>
      <c r="G346" s="32" t="s">
        <v>6597</v>
      </c>
      <c r="H346" s="31" t="s">
        <v>1497</v>
      </c>
      <c r="I346" s="31" t="s">
        <v>4432</v>
      </c>
      <c r="J346" s="19"/>
      <c r="K346" s="19"/>
      <c r="L346" s="31" t="s">
        <v>2187</v>
      </c>
      <c r="M346" s="16" t="s">
        <v>3435</v>
      </c>
      <c r="N346" s="16" t="s">
        <v>9780</v>
      </c>
      <c r="O346" s="21">
        <v>1947</v>
      </c>
      <c r="P346" s="19">
        <v>1</v>
      </c>
      <c r="Q346" s="22"/>
      <c r="R346" s="23">
        <v>45065</v>
      </c>
    </row>
    <row r="347" spans="1:18" s="29" customFormat="1" ht="14.25" customHeight="1" x14ac:dyDescent="0.2">
      <c r="A347" s="15" t="s">
        <v>8145</v>
      </c>
      <c r="B347" s="10" t="s">
        <v>1806</v>
      </c>
      <c r="C347" s="16">
        <v>2</v>
      </c>
      <c r="D347" s="16">
        <v>512</v>
      </c>
      <c r="E347" s="16">
        <v>1504</v>
      </c>
      <c r="F347" s="31" t="s">
        <v>1498</v>
      </c>
      <c r="G347" s="32" t="s">
        <v>6598</v>
      </c>
      <c r="H347" s="31" t="s">
        <v>1499</v>
      </c>
      <c r="I347" s="31" t="s">
        <v>4433</v>
      </c>
      <c r="J347" s="19"/>
      <c r="K347" s="19"/>
      <c r="L347" s="31" t="s">
        <v>2188</v>
      </c>
      <c r="M347" s="16" t="s">
        <v>3436</v>
      </c>
      <c r="N347" s="16" t="s">
        <v>9781</v>
      </c>
      <c r="O347" s="21">
        <v>1947</v>
      </c>
      <c r="P347" s="19">
        <v>1</v>
      </c>
      <c r="Q347" s="22"/>
      <c r="R347" s="23">
        <v>45065</v>
      </c>
    </row>
    <row r="348" spans="1:18" s="29" customFormat="1" ht="14.25" customHeight="1" x14ac:dyDescent="0.2">
      <c r="A348" s="15" t="s">
        <v>8146</v>
      </c>
      <c r="B348" s="10" t="s">
        <v>1806</v>
      </c>
      <c r="C348" s="16">
        <v>2</v>
      </c>
      <c r="D348" s="16">
        <v>512</v>
      </c>
      <c r="E348" s="16">
        <v>1504</v>
      </c>
      <c r="F348" s="31" t="s">
        <v>1500</v>
      </c>
      <c r="G348" s="32" t="s">
        <v>6599</v>
      </c>
      <c r="H348" s="31" t="s">
        <v>73</v>
      </c>
      <c r="I348" s="31" t="s">
        <v>4434</v>
      </c>
      <c r="J348" s="19"/>
      <c r="K348" s="19"/>
      <c r="L348" s="31" t="s">
        <v>2189</v>
      </c>
      <c r="M348" s="16" t="s">
        <v>3437</v>
      </c>
      <c r="N348" s="16" t="s">
        <v>9782</v>
      </c>
      <c r="O348" s="21">
        <v>1947</v>
      </c>
      <c r="P348" s="19">
        <v>1</v>
      </c>
      <c r="Q348" s="22"/>
      <c r="R348" s="23">
        <v>45065</v>
      </c>
    </row>
    <row r="349" spans="1:18" s="29" customFormat="1" ht="14.25" customHeight="1" x14ac:dyDescent="0.2">
      <c r="A349" s="15" t="s">
        <v>8147</v>
      </c>
      <c r="B349" s="10" t="s">
        <v>1806</v>
      </c>
      <c r="C349" s="16">
        <v>2</v>
      </c>
      <c r="D349" s="16">
        <v>512</v>
      </c>
      <c r="E349" s="16">
        <v>1504</v>
      </c>
      <c r="F349" s="31" t="s">
        <v>1501</v>
      </c>
      <c r="G349" s="32" t="s">
        <v>6600</v>
      </c>
      <c r="H349" s="31" t="s">
        <v>1502</v>
      </c>
      <c r="I349" s="31" t="s">
        <v>4435</v>
      </c>
      <c r="J349" s="19"/>
      <c r="K349" s="19"/>
      <c r="L349" s="31" t="s">
        <v>2190</v>
      </c>
      <c r="M349" s="16" t="s">
        <v>3438</v>
      </c>
      <c r="N349" s="16" t="s">
        <v>9783</v>
      </c>
      <c r="O349" s="21">
        <v>1949</v>
      </c>
      <c r="P349" s="19">
        <v>1</v>
      </c>
      <c r="Q349" s="22"/>
      <c r="R349" s="23">
        <v>45065</v>
      </c>
    </row>
    <row r="350" spans="1:18" s="29" customFormat="1" ht="14.25" customHeight="1" x14ac:dyDescent="0.2">
      <c r="A350" s="15" t="s">
        <v>8148</v>
      </c>
      <c r="B350" s="10" t="s">
        <v>1806</v>
      </c>
      <c r="C350" s="16">
        <v>2</v>
      </c>
      <c r="D350" s="16">
        <v>512</v>
      </c>
      <c r="E350" s="16">
        <v>1504</v>
      </c>
      <c r="F350" s="31" t="s">
        <v>1503</v>
      </c>
      <c r="G350" s="32" t="s">
        <v>6601</v>
      </c>
      <c r="H350" s="31" t="s">
        <v>1504</v>
      </c>
      <c r="I350" s="31" t="s">
        <v>4436</v>
      </c>
      <c r="J350" s="19"/>
      <c r="K350" s="19"/>
      <c r="L350" s="31" t="s">
        <v>2191</v>
      </c>
      <c r="M350" s="16" t="s">
        <v>3439</v>
      </c>
      <c r="N350" s="16" t="s">
        <v>9784</v>
      </c>
      <c r="O350" s="21">
        <v>1953</v>
      </c>
      <c r="P350" s="19">
        <v>1</v>
      </c>
      <c r="Q350" s="22"/>
      <c r="R350" s="23">
        <v>45065</v>
      </c>
    </row>
    <row r="351" spans="1:18" s="29" customFormat="1" ht="14.25" customHeight="1" x14ac:dyDescent="0.2">
      <c r="A351" s="15" t="s">
        <v>8149</v>
      </c>
      <c r="B351" s="10" t="s">
        <v>1806</v>
      </c>
      <c r="C351" s="16">
        <v>2</v>
      </c>
      <c r="D351" s="16">
        <v>512</v>
      </c>
      <c r="E351" s="16">
        <v>1504</v>
      </c>
      <c r="F351" s="31" t="s">
        <v>1505</v>
      </c>
      <c r="G351" s="32" t="s">
        <v>6602</v>
      </c>
      <c r="H351" s="31" t="s">
        <v>87</v>
      </c>
      <c r="I351" s="31" t="s">
        <v>4437</v>
      </c>
      <c r="J351" s="19"/>
      <c r="K351" s="19"/>
      <c r="L351" s="31" t="s">
        <v>2192</v>
      </c>
      <c r="M351" s="16" t="s">
        <v>3440</v>
      </c>
      <c r="N351" s="16" t="s">
        <v>9785</v>
      </c>
      <c r="O351" s="21">
        <v>1959</v>
      </c>
      <c r="P351" s="19">
        <v>1</v>
      </c>
      <c r="Q351" s="22"/>
      <c r="R351" s="23">
        <v>45065</v>
      </c>
    </row>
    <row r="352" spans="1:18" s="29" customFormat="1" ht="14.25" customHeight="1" x14ac:dyDescent="0.2">
      <c r="A352" s="15" t="s">
        <v>8150</v>
      </c>
      <c r="B352" s="10" t="s">
        <v>1806</v>
      </c>
      <c r="C352" s="16">
        <v>2</v>
      </c>
      <c r="D352" s="16">
        <v>512</v>
      </c>
      <c r="E352" s="16">
        <v>1504</v>
      </c>
      <c r="F352" s="31" t="s">
        <v>1506</v>
      </c>
      <c r="G352" s="32" t="s">
        <v>6603</v>
      </c>
      <c r="H352" s="31" t="s">
        <v>78</v>
      </c>
      <c r="I352" s="31" t="s">
        <v>4438</v>
      </c>
      <c r="J352" s="19"/>
      <c r="K352" s="19"/>
      <c r="L352" s="31" t="s">
        <v>2193</v>
      </c>
      <c r="M352" s="16" t="s">
        <v>3441</v>
      </c>
      <c r="N352" s="16" t="s">
        <v>9786</v>
      </c>
      <c r="O352" s="21">
        <v>1978</v>
      </c>
      <c r="P352" s="19">
        <v>1</v>
      </c>
      <c r="Q352" s="22"/>
      <c r="R352" s="23">
        <v>45065</v>
      </c>
    </row>
    <row r="353" spans="1:18" s="29" customFormat="1" ht="14.25" customHeight="1" x14ac:dyDescent="0.2">
      <c r="A353" s="15" t="s">
        <v>8151</v>
      </c>
      <c r="B353" s="10" t="s">
        <v>1806</v>
      </c>
      <c r="C353" s="16">
        <v>2</v>
      </c>
      <c r="D353" s="16">
        <v>512</v>
      </c>
      <c r="E353" s="16">
        <v>1504</v>
      </c>
      <c r="F353" s="31" t="s">
        <v>1507</v>
      </c>
      <c r="G353" s="32" t="s">
        <v>6604</v>
      </c>
      <c r="H353" s="31" t="s">
        <v>1508</v>
      </c>
      <c r="I353" s="31" t="s">
        <v>4439</v>
      </c>
      <c r="J353" s="19"/>
      <c r="K353" s="19"/>
      <c r="L353" s="31" t="s">
        <v>2194</v>
      </c>
      <c r="M353" s="16" t="s">
        <v>3442</v>
      </c>
      <c r="N353" s="16" t="s">
        <v>9787</v>
      </c>
      <c r="O353" s="21">
        <v>1947</v>
      </c>
      <c r="P353" s="19">
        <v>1</v>
      </c>
      <c r="Q353" s="22"/>
      <c r="R353" s="23">
        <v>45065</v>
      </c>
    </row>
    <row r="354" spans="1:18" s="29" customFormat="1" ht="14.25" customHeight="1" x14ac:dyDescent="0.2">
      <c r="A354" s="15" t="s">
        <v>8152</v>
      </c>
      <c r="B354" s="10" t="s">
        <v>1806</v>
      </c>
      <c r="C354" s="16">
        <v>2</v>
      </c>
      <c r="D354" s="16">
        <v>512</v>
      </c>
      <c r="E354" s="16">
        <v>1504</v>
      </c>
      <c r="F354" s="31" t="s">
        <v>1509</v>
      </c>
      <c r="G354" s="32" t="s">
        <v>6605</v>
      </c>
      <c r="H354" s="31" t="s">
        <v>1510</v>
      </c>
      <c r="I354" s="31" t="s">
        <v>4440</v>
      </c>
      <c r="J354" s="19"/>
      <c r="K354" s="19"/>
      <c r="L354" s="31" t="s">
        <v>2195</v>
      </c>
      <c r="M354" s="16" t="s">
        <v>3443</v>
      </c>
      <c r="N354" s="16" t="s">
        <v>9788</v>
      </c>
      <c r="O354" s="21">
        <v>1947</v>
      </c>
      <c r="P354" s="19">
        <v>1</v>
      </c>
      <c r="Q354" s="22"/>
      <c r="R354" s="23">
        <v>45065</v>
      </c>
    </row>
    <row r="355" spans="1:18" s="33" customFormat="1" ht="14.25" customHeight="1" x14ac:dyDescent="0.2">
      <c r="A355" s="15" t="s">
        <v>8153</v>
      </c>
      <c r="B355" s="10" t="s">
        <v>1806</v>
      </c>
      <c r="C355" s="16">
        <v>2</v>
      </c>
      <c r="D355" s="16">
        <v>512</v>
      </c>
      <c r="E355" s="16">
        <v>1504</v>
      </c>
      <c r="F355" s="31" t="s">
        <v>1511</v>
      </c>
      <c r="G355" s="32" t="s">
        <v>6606</v>
      </c>
      <c r="H355" s="31" t="s">
        <v>106</v>
      </c>
      <c r="I355" s="31" t="s">
        <v>4441</v>
      </c>
      <c r="J355" s="19"/>
      <c r="K355" s="19"/>
      <c r="L355" s="31" t="s">
        <v>2196</v>
      </c>
      <c r="M355" s="16" t="s">
        <v>3444</v>
      </c>
      <c r="N355" s="16" t="s">
        <v>9789</v>
      </c>
      <c r="O355" s="21">
        <v>1947</v>
      </c>
      <c r="P355" s="19">
        <v>1</v>
      </c>
      <c r="Q355" s="22"/>
      <c r="R355" s="23">
        <v>45065</v>
      </c>
    </row>
    <row r="356" spans="1:18" s="34" customFormat="1" ht="14.25" customHeight="1" x14ac:dyDescent="0.2">
      <c r="A356" s="15" t="s">
        <v>8154</v>
      </c>
      <c r="B356" s="10" t="s">
        <v>1806</v>
      </c>
      <c r="C356" s="16">
        <v>2</v>
      </c>
      <c r="D356" s="16">
        <v>512</v>
      </c>
      <c r="E356" s="16">
        <v>1504</v>
      </c>
      <c r="F356" s="31" t="s">
        <v>1512</v>
      </c>
      <c r="G356" s="32" t="s">
        <v>6607</v>
      </c>
      <c r="H356" s="31" t="s">
        <v>1513</v>
      </c>
      <c r="I356" s="31" t="s">
        <v>4442</v>
      </c>
      <c r="J356" s="19"/>
      <c r="K356" s="19"/>
      <c r="L356" s="31" t="s">
        <v>2197</v>
      </c>
      <c r="M356" s="16" t="s">
        <v>3445</v>
      </c>
      <c r="N356" s="16" t="s">
        <v>9790</v>
      </c>
      <c r="O356" s="21">
        <v>1962</v>
      </c>
      <c r="P356" s="19">
        <v>1</v>
      </c>
      <c r="Q356" s="22"/>
      <c r="R356" s="23">
        <v>45065</v>
      </c>
    </row>
    <row r="357" spans="1:18" s="33" customFormat="1" ht="14.25" customHeight="1" x14ac:dyDescent="0.2">
      <c r="A357" s="15" t="s">
        <v>8155</v>
      </c>
      <c r="B357" s="10" t="s">
        <v>1806</v>
      </c>
      <c r="C357" s="16">
        <v>2</v>
      </c>
      <c r="D357" s="16">
        <v>512</v>
      </c>
      <c r="E357" s="16">
        <v>1504</v>
      </c>
      <c r="F357" s="31" t="s">
        <v>1514</v>
      </c>
      <c r="G357" s="32" t="s">
        <v>6608</v>
      </c>
      <c r="H357" s="31" t="s">
        <v>1515</v>
      </c>
      <c r="I357" s="31" t="s">
        <v>4443</v>
      </c>
      <c r="J357" s="19"/>
      <c r="K357" s="19"/>
      <c r="L357" s="31" t="s">
        <v>2198</v>
      </c>
      <c r="M357" s="16" t="s">
        <v>3446</v>
      </c>
      <c r="N357" s="16" t="s">
        <v>9791</v>
      </c>
      <c r="O357" s="21">
        <v>1947</v>
      </c>
      <c r="P357" s="19">
        <v>1</v>
      </c>
      <c r="Q357" s="22"/>
      <c r="R357" s="23">
        <v>45065</v>
      </c>
    </row>
    <row r="358" spans="1:18" ht="14.4" customHeight="1" x14ac:dyDescent="0.2">
      <c r="A358" s="15" t="s">
        <v>8156</v>
      </c>
      <c r="B358" s="10" t="s">
        <v>1806</v>
      </c>
      <c r="C358" s="16">
        <v>2</v>
      </c>
      <c r="D358" s="16">
        <v>512</v>
      </c>
      <c r="E358" s="16">
        <v>1504</v>
      </c>
      <c r="F358" s="31" t="s">
        <v>1516</v>
      </c>
      <c r="G358" s="32" t="s">
        <v>6609</v>
      </c>
      <c r="H358" s="31" t="s">
        <v>1517</v>
      </c>
      <c r="I358" s="31" t="s">
        <v>4444</v>
      </c>
      <c r="J358" s="19"/>
      <c r="K358" s="19"/>
      <c r="L358" s="31" t="s">
        <v>2199</v>
      </c>
      <c r="M358" s="16" t="s">
        <v>3447</v>
      </c>
      <c r="N358" s="16" t="s">
        <v>9792</v>
      </c>
      <c r="O358" s="21">
        <v>1948</v>
      </c>
      <c r="P358" s="19">
        <v>1</v>
      </c>
      <c r="Q358" s="22"/>
      <c r="R358" s="23">
        <v>45065</v>
      </c>
    </row>
    <row r="359" spans="1:18" ht="14.4" customHeight="1" x14ac:dyDescent="0.2">
      <c r="A359" s="15" t="s">
        <v>8157</v>
      </c>
      <c r="B359" s="10" t="s">
        <v>1806</v>
      </c>
      <c r="C359" s="16">
        <v>2</v>
      </c>
      <c r="D359" s="16">
        <v>512</v>
      </c>
      <c r="E359" s="16">
        <v>1504</v>
      </c>
      <c r="F359" s="31" t="s">
        <v>1518</v>
      </c>
      <c r="G359" s="32" t="s">
        <v>6610</v>
      </c>
      <c r="H359" s="31" t="s">
        <v>1519</v>
      </c>
      <c r="I359" s="31" t="s">
        <v>4445</v>
      </c>
      <c r="J359" s="19"/>
      <c r="K359" s="19"/>
      <c r="L359" s="31" t="s">
        <v>2200</v>
      </c>
      <c r="M359" s="16" t="s">
        <v>3448</v>
      </c>
      <c r="N359" s="16" t="s">
        <v>9793</v>
      </c>
      <c r="O359" s="21">
        <v>1963</v>
      </c>
      <c r="P359" s="19">
        <v>1</v>
      </c>
      <c r="Q359" s="22"/>
      <c r="R359" s="23">
        <v>45065</v>
      </c>
    </row>
    <row r="360" spans="1:18" ht="14.4" customHeight="1" x14ac:dyDescent="0.2">
      <c r="A360" s="15" t="s">
        <v>8158</v>
      </c>
      <c r="B360" s="10" t="s">
        <v>1806</v>
      </c>
      <c r="C360" s="16">
        <v>2</v>
      </c>
      <c r="D360" s="16">
        <v>512</v>
      </c>
      <c r="E360" s="16">
        <v>1504</v>
      </c>
      <c r="F360" s="31" t="s">
        <v>1520</v>
      </c>
      <c r="G360" s="32" t="s">
        <v>6611</v>
      </c>
      <c r="H360" s="31" t="s">
        <v>132</v>
      </c>
      <c r="I360" s="31" t="s">
        <v>4446</v>
      </c>
      <c r="J360" s="19"/>
      <c r="K360" s="19"/>
      <c r="L360" s="31" t="s">
        <v>2201</v>
      </c>
      <c r="M360" s="16" t="s">
        <v>3449</v>
      </c>
      <c r="N360" s="16" t="s">
        <v>9794</v>
      </c>
      <c r="O360" s="21">
        <v>1993</v>
      </c>
      <c r="P360" s="19">
        <v>1</v>
      </c>
      <c r="Q360" s="22"/>
      <c r="R360" s="23">
        <v>45065</v>
      </c>
    </row>
    <row r="361" spans="1:18" ht="14.4" customHeight="1" x14ac:dyDescent="0.2">
      <c r="A361" s="15" t="s">
        <v>8159</v>
      </c>
      <c r="B361" s="10" t="s">
        <v>1806</v>
      </c>
      <c r="C361" s="16">
        <v>2</v>
      </c>
      <c r="D361" s="16">
        <v>512</v>
      </c>
      <c r="E361" s="16">
        <v>1504</v>
      </c>
      <c r="F361" s="31" t="s">
        <v>1521</v>
      </c>
      <c r="G361" s="32" t="s">
        <v>6612</v>
      </c>
      <c r="H361" s="31" t="s">
        <v>1522</v>
      </c>
      <c r="I361" s="31" t="s">
        <v>4447</v>
      </c>
      <c r="J361" s="19"/>
      <c r="K361" s="19"/>
      <c r="L361" s="31" t="s">
        <v>2202</v>
      </c>
      <c r="M361" s="16" t="s">
        <v>3450</v>
      </c>
      <c r="N361" s="16" t="s">
        <v>9795</v>
      </c>
      <c r="O361" s="21">
        <v>2013</v>
      </c>
      <c r="P361" s="19">
        <v>1</v>
      </c>
      <c r="Q361" s="22"/>
      <c r="R361" s="23">
        <v>45065</v>
      </c>
    </row>
    <row r="362" spans="1:18" ht="14.4" customHeight="1" x14ac:dyDescent="0.2">
      <c r="A362" s="15" t="s">
        <v>8160</v>
      </c>
      <c r="B362" s="10" t="s">
        <v>1806</v>
      </c>
      <c r="C362" s="16">
        <v>2</v>
      </c>
      <c r="D362" s="16">
        <v>512</v>
      </c>
      <c r="E362" s="16">
        <v>1504</v>
      </c>
      <c r="F362" s="31" t="s">
        <v>1523</v>
      </c>
      <c r="G362" s="32" t="s">
        <v>6613</v>
      </c>
      <c r="H362" s="31" t="s">
        <v>1524</v>
      </c>
      <c r="I362" s="31" t="s">
        <v>4448</v>
      </c>
      <c r="J362" s="19"/>
      <c r="K362" s="19"/>
      <c r="L362" s="31" t="s">
        <v>2203</v>
      </c>
      <c r="M362" s="16" t="s">
        <v>3451</v>
      </c>
      <c r="N362" s="16" t="s">
        <v>9796</v>
      </c>
      <c r="O362" s="21">
        <v>1947</v>
      </c>
      <c r="P362" s="19">
        <v>1</v>
      </c>
      <c r="Q362" s="22"/>
      <c r="R362" s="23">
        <v>45065</v>
      </c>
    </row>
    <row r="363" spans="1:18" ht="14.4" customHeight="1" x14ac:dyDescent="0.2">
      <c r="A363" s="15" t="s">
        <v>8161</v>
      </c>
      <c r="B363" s="10" t="s">
        <v>1806</v>
      </c>
      <c r="C363" s="16">
        <v>2</v>
      </c>
      <c r="D363" s="16">
        <v>512</v>
      </c>
      <c r="E363" s="16">
        <v>1504</v>
      </c>
      <c r="F363" s="31" t="s">
        <v>1525</v>
      </c>
      <c r="G363" s="32" t="s">
        <v>6614</v>
      </c>
      <c r="H363" s="31" t="s">
        <v>1526</v>
      </c>
      <c r="I363" s="31" t="s">
        <v>4449</v>
      </c>
      <c r="J363" s="19"/>
      <c r="K363" s="19"/>
      <c r="L363" s="31" t="s">
        <v>2204</v>
      </c>
      <c r="M363" s="16" t="s">
        <v>3452</v>
      </c>
      <c r="N363" s="16" t="s">
        <v>9797</v>
      </c>
      <c r="O363" s="21">
        <v>1947</v>
      </c>
      <c r="P363" s="19">
        <v>1</v>
      </c>
      <c r="Q363" s="22"/>
      <c r="R363" s="23">
        <v>45065</v>
      </c>
    </row>
    <row r="364" spans="1:18" ht="14.4" customHeight="1" x14ac:dyDescent="0.2">
      <c r="A364" s="15" t="s">
        <v>8162</v>
      </c>
      <c r="B364" s="10" t="s">
        <v>1806</v>
      </c>
      <c r="C364" s="16">
        <v>2</v>
      </c>
      <c r="D364" s="16">
        <v>512</v>
      </c>
      <c r="E364" s="16">
        <v>1504</v>
      </c>
      <c r="F364" s="31" t="s">
        <v>1527</v>
      </c>
      <c r="G364" s="32" t="s">
        <v>6615</v>
      </c>
      <c r="H364" s="31" t="s">
        <v>1528</v>
      </c>
      <c r="I364" s="31" t="s">
        <v>4450</v>
      </c>
      <c r="J364" s="19"/>
      <c r="K364" s="19"/>
      <c r="L364" s="31" t="s">
        <v>2205</v>
      </c>
      <c r="M364" s="16" t="s">
        <v>3453</v>
      </c>
      <c r="N364" s="16" t="s">
        <v>9798</v>
      </c>
      <c r="O364" s="21">
        <v>1947</v>
      </c>
      <c r="P364" s="19">
        <v>1</v>
      </c>
      <c r="Q364" s="22"/>
      <c r="R364" s="23">
        <v>45065</v>
      </c>
    </row>
    <row r="365" spans="1:18" ht="14.4" customHeight="1" x14ac:dyDescent="0.2">
      <c r="A365" s="15" t="s">
        <v>8163</v>
      </c>
      <c r="B365" s="10" t="s">
        <v>1806</v>
      </c>
      <c r="C365" s="16">
        <v>2</v>
      </c>
      <c r="D365" s="16">
        <v>512</v>
      </c>
      <c r="E365" s="16">
        <v>1504</v>
      </c>
      <c r="F365" s="31" t="s">
        <v>1529</v>
      </c>
      <c r="G365" s="32" t="s">
        <v>6616</v>
      </c>
      <c r="H365" s="31" t="s">
        <v>154</v>
      </c>
      <c r="I365" s="31" t="s">
        <v>4451</v>
      </c>
      <c r="J365" s="19"/>
      <c r="K365" s="19"/>
      <c r="L365" s="31" t="s">
        <v>2206</v>
      </c>
      <c r="M365" s="16" t="s">
        <v>3454</v>
      </c>
      <c r="N365" s="16" t="s">
        <v>9799</v>
      </c>
      <c r="O365" s="21">
        <v>1947</v>
      </c>
      <c r="P365" s="19">
        <v>1</v>
      </c>
      <c r="Q365" s="22"/>
      <c r="R365" s="23">
        <v>45065</v>
      </c>
    </row>
    <row r="366" spans="1:18" ht="14.4" customHeight="1" x14ac:dyDescent="0.2">
      <c r="A366" s="15" t="s">
        <v>8164</v>
      </c>
      <c r="B366" s="10" t="s">
        <v>1806</v>
      </c>
      <c r="C366" s="16">
        <v>2</v>
      </c>
      <c r="D366" s="16">
        <v>512</v>
      </c>
      <c r="E366" s="16">
        <v>1504</v>
      </c>
      <c r="F366" s="31" t="s">
        <v>1530</v>
      </c>
      <c r="G366" s="32" t="s">
        <v>6617</v>
      </c>
      <c r="H366" s="31" t="s">
        <v>161</v>
      </c>
      <c r="I366" s="31" t="s">
        <v>4452</v>
      </c>
      <c r="J366" s="19"/>
      <c r="K366" s="19"/>
      <c r="L366" s="31" t="s">
        <v>2207</v>
      </c>
      <c r="M366" s="16" t="s">
        <v>3455</v>
      </c>
      <c r="N366" s="16" t="s">
        <v>9800</v>
      </c>
      <c r="O366" s="21">
        <v>1962</v>
      </c>
      <c r="P366" s="19">
        <v>1</v>
      </c>
      <c r="Q366" s="22"/>
      <c r="R366" s="23">
        <v>45065</v>
      </c>
    </row>
    <row r="367" spans="1:18" ht="14.4" customHeight="1" x14ac:dyDescent="0.2">
      <c r="A367" s="15" t="s">
        <v>8165</v>
      </c>
      <c r="B367" s="10" t="s">
        <v>1806</v>
      </c>
      <c r="C367" s="16">
        <v>2</v>
      </c>
      <c r="D367" s="16">
        <v>512</v>
      </c>
      <c r="E367" s="16">
        <v>1504</v>
      </c>
      <c r="F367" s="31" t="s">
        <v>1531</v>
      </c>
      <c r="G367" s="32" t="s">
        <v>6618</v>
      </c>
      <c r="H367" s="31" t="s">
        <v>158</v>
      </c>
      <c r="I367" s="31" t="s">
        <v>4453</v>
      </c>
      <c r="J367" s="19"/>
      <c r="K367" s="19"/>
      <c r="L367" s="31" t="s">
        <v>2208</v>
      </c>
      <c r="M367" s="16" t="s">
        <v>3456</v>
      </c>
      <c r="N367" s="16" t="s">
        <v>9801</v>
      </c>
      <c r="O367" s="21">
        <v>1976</v>
      </c>
      <c r="P367" s="19">
        <v>1</v>
      </c>
      <c r="Q367" s="22"/>
      <c r="R367" s="23">
        <v>45065</v>
      </c>
    </row>
    <row r="368" spans="1:18" ht="14.4" customHeight="1" x14ac:dyDescent="0.2">
      <c r="A368" s="15" t="s">
        <v>8166</v>
      </c>
      <c r="B368" s="10" t="s">
        <v>1806</v>
      </c>
      <c r="C368" s="16">
        <v>2</v>
      </c>
      <c r="D368" s="16">
        <v>512</v>
      </c>
      <c r="E368" s="16">
        <v>1504</v>
      </c>
      <c r="F368" s="31" t="s">
        <v>1532</v>
      </c>
      <c r="G368" s="32" t="s">
        <v>6619</v>
      </c>
      <c r="H368" s="31" t="s">
        <v>154</v>
      </c>
      <c r="I368" s="31" t="s">
        <v>4454</v>
      </c>
      <c r="J368" s="19"/>
      <c r="K368" s="19"/>
      <c r="L368" s="31" t="s">
        <v>2209</v>
      </c>
      <c r="M368" s="16" t="s">
        <v>3457</v>
      </c>
      <c r="N368" s="16" t="s">
        <v>9802</v>
      </c>
      <c r="O368" s="21">
        <v>1976</v>
      </c>
      <c r="P368" s="19">
        <v>1</v>
      </c>
      <c r="Q368" s="22"/>
      <c r="R368" s="23">
        <v>45065</v>
      </c>
    </row>
    <row r="369" spans="1:18" ht="14.4" customHeight="1" x14ac:dyDescent="0.2">
      <c r="A369" s="15" t="s">
        <v>8167</v>
      </c>
      <c r="B369" s="10" t="s">
        <v>1806</v>
      </c>
      <c r="C369" s="16">
        <v>2</v>
      </c>
      <c r="D369" s="16">
        <v>512</v>
      </c>
      <c r="E369" s="16">
        <v>1504</v>
      </c>
      <c r="F369" s="31" t="s">
        <v>1533</v>
      </c>
      <c r="G369" s="32" t="s">
        <v>6620</v>
      </c>
      <c r="H369" s="31" t="s">
        <v>156</v>
      </c>
      <c r="I369" s="31" t="s">
        <v>4455</v>
      </c>
      <c r="J369" s="19"/>
      <c r="K369" s="19"/>
      <c r="L369" s="31" t="s">
        <v>2210</v>
      </c>
      <c r="M369" s="16" t="s">
        <v>3458</v>
      </c>
      <c r="N369" s="16" t="s">
        <v>9803</v>
      </c>
      <c r="O369" s="21">
        <v>1981</v>
      </c>
      <c r="P369" s="19">
        <v>1</v>
      </c>
      <c r="Q369" s="22"/>
      <c r="R369" s="23">
        <v>45065</v>
      </c>
    </row>
    <row r="370" spans="1:18" ht="14.4" customHeight="1" x14ac:dyDescent="0.2">
      <c r="A370" s="15" t="s">
        <v>8168</v>
      </c>
      <c r="B370" s="10" t="s">
        <v>1806</v>
      </c>
      <c r="C370" s="16">
        <v>2</v>
      </c>
      <c r="D370" s="16">
        <v>512</v>
      </c>
      <c r="E370" s="16">
        <v>1504</v>
      </c>
      <c r="F370" s="31" t="s">
        <v>1534</v>
      </c>
      <c r="G370" s="32" t="s">
        <v>6621</v>
      </c>
      <c r="H370" s="31" t="s">
        <v>1535</v>
      </c>
      <c r="I370" s="31" t="s">
        <v>4456</v>
      </c>
      <c r="J370" s="19"/>
      <c r="K370" s="19"/>
      <c r="L370" s="31" t="s">
        <v>2211</v>
      </c>
      <c r="M370" s="16" t="s">
        <v>3459</v>
      </c>
      <c r="N370" s="16" t="s">
        <v>9804</v>
      </c>
      <c r="O370" s="21">
        <v>1947</v>
      </c>
      <c r="P370" s="19">
        <v>1</v>
      </c>
      <c r="Q370" s="22"/>
      <c r="R370" s="23">
        <v>45065</v>
      </c>
    </row>
    <row r="371" spans="1:18" ht="14.4" customHeight="1" x14ac:dyDescent="0.2">
      <c r="A371" s="15" t="s">
        <v>8169</v>
      </c>
      <c r="B371" s="10" t="s">
        <v>1806</v>
      </c>
      <c r="C371" s="16">
        <v>2</v>
      </c>
      <c r="D371" s="16">
        <v>512</v>
      </c>
      <c r="E371" s="16">
        <v>1504</v>
      </c>
      <c r="F371" s="31" t="s">
        <v>1536</v>
      </c>
      <c r="G371" s="32" t="s">
        <v>6622</v>
      </c>
      <c r="H371" s="31" t="s">
        <v>166</v>
      </c>
      <c r="I371" s="31" t="s">
        <v>4457</v>
      </c>
      <c r="J371" s="19"/>
      <c r="K371" s="19"/>
      <c r="L371" s="31" t="s">
        <v>2212</v>
      </c>
      <c r="M371" s="16" t="s">
        <v>3460</v>
      </c>
      <c r="N371" s="16" t="s">
        <v>9805</v>
      </c>
      <c r="O371" s="21">
        <v>1967</v>
      </c>
      <c r="P371" s="19">
        <v>1</v>
      </c>
      <c r="Q371" s="22"/>
      <c r="R371" s="23">
        <v>45065</v>
      </c>
    </row>
    <row r="372" spans="1:18" ht="14.4" customHeight="1" x14ac:dyDescent="0.2">
      <c r="A372" s="15" t="s">
        <v>8170</v>
      </c>
      <c r="B372" s="10" t="s">
        <v>1806</v>
      </c>
      <c r="C372" s="16">
        <v>2</v>
      </c>
      <c r="D372" s="16">
        <v>512</v>
      </c>
      <c r="E372" s="16">
        <v>1504</v>
      </c>
      <c r="F372" s="31" t="s">
        <v>1537</v>
      </c>
      <c r="G372" s="32" t="s">
        <v>6623</v>
      </c>
      <c r="H372" s="31" t="s">
        <v>172</v>
      </c>
      <c r="I372" s="31" t="s">
        <v>4458</v>
      </c>
      <c r="J372" s="19"/>
      <c r="K372" s="19"/>
      <c r="L372" s="31" t="s">
        <v>2213</v>
      </c>
      <c r="M372" s="16" t="s">
        <v>3461</v>
      </c>
      <c r="N372" s="16" t="s">
        <v>9806</v>
      </c>
      <c r="O372" s="21">
        <v>1972</v>
      </c>
      <c r="P372" s="19">
        <v>1</v>
      </c>
      <c r="Q372" s="22"/>
      <c r="R372" s="23">
        <v>45065</v>
      </c>
    </row>
    <row r="373" spans="1:18" ht="14.4" customHeight="1" x14ac:dyDescent="0.2">
      <c r="A373" s="15" t="s">
        <v>8171</v>
      </c>
      <c r="B373" s="10" t="s">
        <v>1806</v>
      </c>
      <c r="C373" s="16">
        <v>2</v>
      </c>
      <c r="D373" s="16">
        <v>512</v>
      </c>
      <c r="E373" s="16">
        <v>1504</v>
      </c>
      <c r="F373" s="31" t="s">
        <v>1538</v>
      </c>
      <c r="G373" s="32" t="s">
        <v>6624</v>
      </c>
      <c r="H373" s="31" t="s">
        <v>184</v>
      </c>
      <c r="I373" s="31" t="s">
        <v>4459</v>
      </c>
      <c r="J373" s="19"/>
      <c r="K373" s="19"/>
      <c r="L373" s="31" t="s">
        <v>2214</v>
      </c>
      <c r="M373" s="16" t="s">
        <v>3462</v>
      </c>
      <c r="N373" s="16" t="s">
        <v>9807</v>
      </c>
      <c r="O373" s="21">
        <v>1974</v>
      </c>
      <c r="P373" s="19">
        <v>1</v>
      </c>
      <c r="Q373" s="22"/>
      <c r="R373" s="23">
        <v>45065</v>
      </c>
    </row>
    <row r="374" spans="1:18" ht="14.4" customHeight="1" x14ac:dyDescent="0.2">
      <c r="A374" s="15" t="s">
        <v>8172</v>
      </c>
      <c r="B374" s="10" t="s">
        <v>1806</v>
      </c>
      <c r="C374" s="16">
        <v>2</v>
      </c>
      <c r="D374" s="16">
        <v>512</v>
      </c>
      <c r="E374" s="16">
        <v>1504</v>
      </c>
      <c r="F374" s="31" t="s">
        <v>1539</v>
      </c>
      <c r="G374" s="32" t="s">
        <v>6625</v>
      </c>
      <c r="H374" s="31" t="s">
        <v>174</v>
      </c>
      <c r="I374" s="31" t="s">
        <v>4460</v>
      </c>
      <c r="J374" s="19"/>
      <c r="K374" s="19"/>
      <c r="L374" s="31" t="s">
        <v>2215</v>
      </c>
      <c r="M374" s="16" t="s">
        <v>3463</v>
      </c>
      <c r="N374" s="16" t="s">
        <v>9808</v>
      </c>
      <c r="O374" s="21">
        <v>1977</v>
      </c>
      <c r="P374" s="19">
        <v>1</v>
      </c>
      <c r="Q374" s="22"/>
      <c r="R374" s="23">
        <v>45065</v>
      </c>
    </row>
    <row r="375" spans="1:18" ht="14.4" customHeight="1" x14ac:dyDescent="0.2">
      <c r="A375" s="15" t="s">
        <v>8173</v>
      </c>
      <c r="B375" s="10" t="s">
        <v>1806</v>
      </c>
      <c r="C375" s="16">
        <v>2</v>
      </c>
      <c r="D375" s="16">
        <v>512</v>
      </c>
      <c r="E375" s="16">
        <v>1504</v>
      </c>
      <c r="F375" s="31" t="s">
        <v>1540</v>
      </c>
      <c r="G375" s="32" t="s">
        <v>6626</v>
      </c>
      <c r="H375" s="31" t="s">
        <v>182</v>
      </c>
      <c r="I375" s="31" t="s">
        <v>4461</v>
      </c>
      <c r="J375" s="19"/>
      <c r="K375" s="19"/>
      <c r="L375" s="31" t="s">
        <v>2216</v>
      </c>
      <c r="M375" s="16" t="s">
        <v>3464</v>
      </c>
      <c r="N375" s="16" t="s">
        <v>9809</v>
      </c>
      <c r="O375" s="21">
        <v>1977</v>
      </c>
      <c r="P375" s="19">
        <v>1</v>
      </c>
      <c r="Q375" s="22"/>
      <c r="R375" s="23">
        <v>45065</v>
      </c>
    </row>
    <row r="376" spans="1:18" ht="14.4" customHeight="1" x14ac:dyDescent="0.2">
      <c r="A376" s="15" t="s">
        <v>8174</v>
      </c>
      <c r="B376" s="10" t="s">
        <v>1806</v>
      </c>
      <c r="C376" s="16">
        <v>2</v>
      </c>
      <c r="D376" s="16">
        <v>512</v>
      </c>
      <c r="E376" s="16">
        <v>1504</v>
      </c>
      <c r="F376" s="31" t="s">
        <v>1541</v>
      </c>
      <c r="G376" s="32" t="s">
        <v>6627</v>
      </c>
      <c r="H376" s="31" t="s">
        <v>184</v>
      </c>
      <c r="I376" s="31" t="s">
        <v>4462</v>
      </c>
      <c r="J376" s="19"/>
      <c r="K376" s="19"/>
      <c r="L376" s="31" t="s">
        <v>2217</v>
      </c>
      <c r="M376" s="16" t="s">
        <v>3465</v>
      </c>
      <c r="N376" s="16" t="s">
        <v>9810</v>
      </c>
      <c r="O376" s="21">
        <v>1979</v>
      </c>
      <c r="P376" s="19">
        <v>1</v>
      </c>
      <c r="Q376" s="22"/>
      <c r="R376" s="23">
        <v>45065</v>
      </c>
    </row>
    <row r="377" spans="1:18" ht="14.4" customHeight="1" x14ac:dyDescent="0.2">
      <c r="A377" s="15" t="s">
        <v>8175</v>
      </c>
      <c r="B377" s="10" t="s">
        <v>1806</v>
      </c>
      <c r="C377" s="16">
        <v>2</v>
      </c>
      <c r="D377" s="16">
        <v>512</v>
      </c>
      <c r="E377" s="16">
        <v>1504</v>
      </c>
      <c r="F377" s="31" t="s">
        <v>1542</v>
      </c>
      <c r="G377" s="32" t="s">
        <v>6628</v>
      </c>
      <c r="H377" s="31" t="s">
        <v>177</v>
      </c>
      <c r="I377" s="31" t="s">
        <v>4463</v>
      </c>
      <c r="J377" s="19"/>
      <c r="K377" s="19"/>
      <c r="L377" s="31" t="s">
        <v>2218</v>
      </c>
      <c r="M377" s="16" t="s">
        <v>3466</v>
      </c>
      <c r="N377" s="16" t="s">
        <v>9811</v>
      </c>
      <c r="O377" s="21">
        <v>1989</v>
      </c>
      <c r="P377" s="19">
        <v>1</v>
      </c>
      <c r="Q377" s="22"/>
      <c r="R377" s="23">
        <v>45065</v>
      </c>
    </row>
    <row r="378" spans="1:18" ht="14.4" customHeight="1" x14ac:dyDescent="0.2">
      <c r="A378" s="15" t="s">
        <v>8176</v>
      </c>
      <c r="B378" s="10" t="s">
        <v>1806</v>
      </c>
      <c r="C378" s="16">
        <v>2</v>
      </c>
      <c r="D378" s="16">
        <v>512</v>
      </c>
      <c r="E378" s="16">
        <v>1504</v>
      </c>
      <c r="F378" s="31" t="s">
        <v>1543</v>
      </c>
      <c r="G378" s="32" t="s">
        <v>6629</v>
      </c>
      <c r="H378" s="31" t="s">
        <v>177</v>
      </c>
      <c r="I378" s="31" t="s">
        <v>4464</v>
      </c>
      <c r="J378" s="19"/>
      <c r="K378" s="19"/>
      <c r="L378" s="31" t="s">
        <v>2219</v>
      </c>
      <c r="M378" s="16" t="s">
        <v>3467</v>
      </c>
      <c r="N378" s="20" t="s">
        <v>10414</v>
      </c>
      <c r="O378" s="21">
        <v>2012</v>
      </c>
      <c r="P378" s="19">
        <v>1</v>
      </c>
      <c r="Q378" s="22"/>
      <c r="R378" s="23">
        <v>45065</v>
      </c>
    </row>
    <row r="379" spans="1:18" ht="14.4" customHeight="1" x14ac:dyDescent="0.2">
      <c r="A379" s="15" t="s">
        <v>8177</v>
      </c>
      <c r="B379" s="10" t="s">
        <v>1806</v>
      </c>
      <c r="C379" s="16">
        <v>2</v>
      </c>
      <c r="D379" s="16">
        <v>512</v>
      </c>
      <c r="E379" s="16">
        <v>1504</v>
      </c>
      <c r="F379" s="31" t="s">
        <v>1544</v>
      </c>
      <c r="G379" s="32" t="s">
        <v>6630</v>
      </c>
      <c r="H379" s="31" t="s">
        <v>215</v>
      </c>
      <c r="I379" s="31" t="s">
        <v>4465</v>
      </c>
      <c r="J379" s="19"/>
      <c r="K379" s="19"/>
      <c r="L379" s="31" t="s">
        <v>2220</v>
      </c>
      <c r="M379" s="16" t="s">
        <v>3468</v>
      </c>
      <c r="N379" s="16" t="s">
        <v>9812</v>
      </c>
      <c r="O379" s="21">
        <v>1947</v>
      </c>
      <c r="P379" s="19">
        <v>1</v>
      </c>
      <c r="Q379" s="22"/>
      <c r="R379" s="23">
        <v>45065</v>
      </c>
    </row>
    <row r="380" spans="1:18" ht="14.4" customHeight="1" x14ac:dyDescent="0.2">
      <c r="A380" s="15" t="s">
        <v>8178</v>
      </c>
      <c r="B380" s="10" t="s">
        <v>1806</v>
      </c>
      <c r="C380" s="16">
        <v>2</v>
      </c>
      <c r="D380" s="16">
        <v>512</v>
      </c>
      <c r="E380" s="16">
        <v>1504</v>
      </c>
      <c r="F380" s="31" t="s">
        <v>1545</v>
      </c>
      <c r="G380" s="32" t="s">
        <v>6631</v>
      </c>
      <c r="H380" s="31" t="s">
        <v>217</v>
      </c>
      <c r="I380" s="31" t="s">
        <v>4466</v>
      </c>
      <c r="J380" s="19"/>
      <c r="K380" s="19"/>
      <c r="L380" s="31" t="s">
        <v>2221</v>
      </c>
      <c r="M380" s="16" t="s">
        <v>3469</v>
      </c>
      <c r="N380" s="16" t="s">
        <v>9813</v>
      </c>
      <c r="O380" s="21">
        <v>1947</v>
      </c>
      <c r="P380" s="19">
        <v>1</v>
      </c>
      <c r="Q380" s="22"/>
      <c r="R380" s="23">
        <v>45065</v>
      </c>
    </row>
    <row r="381" spans="1:18" ht="14.4" customHeight="1" x14ac:dyDescent="0.2">
      <c r="A381" s="15" t="s">
        <v>8179</v>
      </c>
      <c r="B381" s="10" t="s">
        <v>1806</v>
      </c>
      <c r="C381" s="16">
        <v>2</v>
      </c>
      <c r="D381" s="16">
        <v>512</v>
      </c>
      <c r="E381" s="16">
        <v>1504</v>
      </c>
      <c r="F381" s="31" t="s">
        <v>1546</v>
      </c>
      <c r="G381" s="32" t="s">
        <v>6632</v>
      </c>
      <c r="H381" s="31" t="s">
        <v>1547</v>
      </c>
      <c r="I381" s="31" t="s">
        <v>4467</v>
      </c>
      <c r="J381" s="19"/>
      <c r="K381" s="19"/>
      <c r="L381" s="31" t="s">
        <v>2222</v>
      </c>
      <c r="M381" s="16" t="s">
        <v>3470</v>
      </c>
      <c r="N381" s="16" t="s">
        <v>9814</v>
      </c>
      <c r="O381" s="21">
        <v>1949</v>
      </c>
      <c r="P381" s="19">
        <v>1</v>
      </c>
      <c r="Q381" s="22"/>
      <c r="R381" s="23">
        <v>45065</v>
      </c>
    </row>
    <row r="382" spans="1:18" ht="14.4" customHeight="1" x14ac:dyDescent="0.2">
      <c r="A382" s="15" t="s">
        <v>8180</v>
      </c>
      <c r="B382" s="10" t="s">
        <v>1806</v>
      </c>
      <c r="C382" s="16">
        <v>2</v>
      </c>
      <c r="D382" s="16">
        <v>512</v>
      </c>
      <c r="E382" s="16">
        <v>1504</v>
      </c>
      <c r="F382" s="31" t="s">
        <v>1548</v>
      </c>
      <c r="G382" s="32" t="s">
        <v>6633</v>
      </c>
      <c r="H382" s="31" t="s">
        <v>213</v>
      </c>
      <c r="I382" s="31" t="s">
        <v>4468</v>
      </c>
      <c r="J382" s="19"/>
      <c r="K382" s="19"/>
      <c r="L382" s="31" t="s">
        <v>2223</v>
      </c>
      <c r="M382" s="16" t="s">
        <v>3471</v>
      </c>
      <c r="N382" s="16" t="s">
        <v>9815</v>
      </c>
      <c r="O382" s="21">
        <v>1954</v>
      </c>
      <c r="P382" s="19">
        <v>1</v>
      </c>
      <c r="Q382" s="22"/>
      <c r="R382" s="23">
        <v>45065</v>
      </c>
    </row>
    <row r="383" spans="1:18" ht="14.4" customHeight="1" x14ac:dyDescent="0.2">
      <c r="A383" s="15" t="s">
        <v>8181</v>
      </c>
      <c r="B383" s="10" t="s">
        <v>1806</v>
      </c>
      <c r="C383" s="16">
        <v>2</v>
      </c>
      <c r="D383" s="16">
        <v>512</v>
      </c>
      <c r="E383" s="16">
        <v>1504</v>
      </c>
      <c r="F383" s="31" t="s">
        <v>1549</v>
      </c>
      <c r="G383" s="32" t="s">
        <v>6634</v>
      </c>
      <c r="H383" s="31" t="s">
        <v>203</v>
      </c>
      <c r="I383" s="31" t="s">
        <v>4469</v>
      </c>
      <c r="J383" s="19"/>
      <c r="K383" s="19"/>
      <c r="L383" s="31" t="s">
        <v>2224</v>
      </c>
      <c r="M383" s="16" t="s">
        <v>3472</v>
      </c>
      <c r="N383" s="16" t="s">
        <v>9816</v>
      </c>
      <c r="O383" s="21">
        <v>1962</v>
      </c>
      <c r="P383" s="19">
        <v>1</v>
      </c>
      <c r="Q383" s="22"/>
      <c r="R383" s="23">
        <v>45065</v>
      </c>
    </row>
    <row r="384" spans="1:18" ht="14.4" customHeight="1" x14ac:dyDescent="0.2">
      <c r="A384" s="15" t="s">
        <v>8182</v>
      </c>
      <c r="B384" s="10" t="s">
        <v>1806</v>
      </c>
      <c r="C384" s="16">
        <v>2</v>
      </c>
      <c r="D384" s="16">
        <v>512</v>
      </c>
      <c r="E384" s="16">
        <v>1504</v>
      </c>
      <c r="F384" s="31" t="s">
        <v>1550</v>
      </c>
      <c r="G384" s="32" t="s">
        <v>6635</v>
      </c>
      <c r="H384" s="31" t="s">
        <v>218</v>
      </c>
      <c r="I384" s="31" t="s">
        <v>4470</v>
      </c>
      <c r="J384" s="19"/>
      <c r="K384" s="19"/>
      <c r="L384" s="31" t="s">
        <v>2225</v>
      </c>
      <c r="M384" s="16" t="s">
        <v>3473</v>
      </c>
      <c r="N384" s="16" t="s">
        <v>9817</v>
      </c>
      <c r="O384" s="21">
        <v>1970</v>
      </c>
      <c r="P384" s="19">
        <v>1</v>
      </c>
      <c r="Q384" s="22"/>
      <c r="R384" s="23">
        <v>45065</v>
      </c>
    </row>
    <row r="385" spans="1:18" ht="14.4" customHeight="1" x14ac:dyDescent="0.2">
      <c r="A385" s="15" t="s">
        <v>8183</v>
      </c>
      <c r="B385" s="10" t="s">
        <v>1806</v>
      </c>
      <c r="C385" s="16">
        <v>2</v>
      </c>
      <c r="D385" s="16">
        <v>512</v>
      </c>
      <c r="E385" s="16">
        <v>1504</v>
      </c>
      <c r="F385" s="31" t="s">
        <v>10415</v>
      </c>
      <c r="G385" s="32" t="s">
        <v>6636</v>
      </c>
      <c r="H385" s="31" t="s">
        <v>225</v>
      </c>
      <c r="I385" s="31" t="s">
        <v>4471</v>
      </c>
      <c r="J385" s="19"/>
      <c r="K385" s="19"/>
      <c r="L385" s="31" t="s">
        <v>2226</v>
      </c>
      <c r="M385" s="16" t="s">
        <v>3474</v>
      </c>
      <c r="N385" s="16" t="s">
        <v>9818</v>
      </c>
      <c r="O385" s="21">
        <v>1977</v>
      </c>
      <c r="P385" s="19">
        <v>1</v>
      </c>
      <c r="Q385" s="22"/>
      <c r="R385" s="23">
        <v>45065</v>
      </c>
    </row>
    <row r="386" spans="1:18" ht="14.4" customHeight="1" x14ac:dyDescent="0.2">
      <c r="A386" s="15" t="s">
        <v>8184</v>
      </c>
      <c r="B386" s="10" t="s">
        <v>1806</v>
      </c>
      <c r="C386" s="16">
        <v>2</v>
      </c>
      <c r="D386" s="16">
        <v>512</v>
      </c>
      <c r="E386" s="16">
        <v>1504</v>
      </c>
      <c r="F386" s="31" t="s">
        <v>10416</v>
      </c>
      <c r="G386" s="32" t="s">
        <v>10506</v>
      </c>
      <c r="H386" s="31" t="s">
        <v>225</v>
      </c>
      <c r="I386" s="35" t="s">
        <v>10651</v>
      </c>
      <c r="J386" s="19"/>
      <c r="K386" s="19"/>
      <c r="L386" s="31" t="s">
        <v>1955</v>
      </c>
      <c r="M386" s="16" t="s">
        <v>9519</v>
      </c>
      <c r="N386" s="16"/>
      <c r="O386" s="21">
        <v>2011</v>
      </c>
      <c r="P386" s="19">
        <v>1</v>
      </c>
      <c r="Q386" s="22"/>
      <c r="R386" s="23">
        <v>45065</v>
      </c>
    </row>
    <row r="387" spans="1:18" ht="14.4" customHeight="1" x14ac:dyDescent="0.2">
      <c r="A387" s="15" t="s">
        <v>8185</v>
      </c>
      <c r="B387" s="10" t="s">
        <v>1806</v>
      </c>
      <c r="C387" s="16">
        <v>2</v>
      </c>
      <c r="D387" s="16">
        <v>512</v>
      </c>
      <c r="E387" s="16">
        <v>1504</v>
      </c>
      <c r="F387" s="31" t="s">
        <v>1551</v>
      </c>
      <c r="G387" s="32" t="s">
        <v>6637</v>
      </c>
      <c r="H387" s="31" t="s">
        <v>222</v>
      </c>
      <c r="I387" s="31" t="s">
        <v>4472</v>
      </c>
      <c r="J387" s="19"/>
      <c r="K387" s="19"/>
      <c r="L387" s="31" t="s">
        <v>2227</v>
      </c>
      <c r="M387" s="16" t="s">
        <v>3475</v>
      </c>
      <c r="N387" s="16" t="s">
        <v>9819</v>
      </c>
      <c r="O387" s="21">
        <v>1977</v>
      </c>
      <c r="P387" s="19">
        <v>1</v>
      </c>
      <c r="Q387" s="22"/>
      <c r="R387" s="23">
        <v>45065</v>
      </c>
    </row>
    <row r="388" spans="1:18" ht="14.4" customHeight="1" x14ac:dyDescent="0.2">
      <c r="A388" s="15" t="s">
        <v>8186</v>
      </c>
      <c r="B388" s="10" t="s">
        <v>1806</v>
      </c>
      <c r="C388" s="16">
        <v>2</v>
      </c>
      <c r="D388" s="16">
        <v>512</v>
      </c>
      <c r="E388" s="16">
        <v>1504</v>
      </c>
      <c r="F388" s="31" t="s">
        <v>1552</v>
      </c>
      <c r="G388" s="32" t="s">
        <v>6638</v>
      </c>
      <c r="H388" s="31" t="s">
        <v>1553</v>
      </c>
      <c r="I388" s="31" t="s">
        <v>4473</v>
      </c>
      <c r="J388" s="19"/>
      <c r="K388" s="19"/>
      <c r="L388" s="31" t="s">
        <v>2228</v>
      </c>
      <c r="M388" s="16" t="s">
        <v>3476</v>
      </c>
      <c r="N388" s="16" t="s">
        <v>9820</v>
      </c>
      <c r="O388" s="21">
        <v>1949</v>
      </c>
      <c r="P388" s="19">
        <v>1</v>
      </c>
      <c r="Q388" s="22"/>
      <c r="R388" s="23">
        <v>45065</v>
      </c>
    </row>
    <row r="389" spans="1:18" ht="14.4" customHeight="1" x14ac:dyDescent="0.2">
      <c r="A389" s="15" t="s">
        <v>8187</v>
      </c>
      <c r="B389" s="10" t="s">
        <v>1806</v>
      </c>
      <c r="C389" s="16">
        <v>2</v>
      </c>
      <c r="D389" s="16">
        <v>512</v>
      </c>
      <c r="E389" s="16">
        <v>1504</v>
      </c>
      <c r="F389" s="31" t="s">
        <v>1554</v>
      </c>
      <c r="G389" s="32" t="s">
        <v>6639</v>
      </c>
      <c r="H389" s="31" t="s">
        <v>1555</v>
      </c>
      <c r="I389" s="31" t="s">
        <v>4474</v>
      </c>
      <c r="J389" s="19"/>
      <c r="K389" s="19"/>
      <c r="L389" s="31" t="s">
        <v>2229</v>
      </c>
      <c r="M389" s="16" t="s">
        <v>3477</v>
      </c>
      <c r="N389" s="16" t="s">
        <v>9821</v>
      </c>
      <c r="O389" s="21">
        <v>1961</v>
      </c>
      <c r="P389" s="19">
        <v>1</v>
      </c>
      <c r="Q389" s="22"/>
      <c r="R389" s="23">
        <v>45065</v>
      </c>
    </row>
    <row r="390" spans="1:18" ht="14.4" customHeight="1" x14ac:dyDescent="0.2">
      <c r="A390" s="15" t="s">
        <v>8188</v>
      </c>
      <c r="B390" s="10" t="s">
        <v>1806</v>
      </c>
      <c r="C390" s="16">
        <v>2</v>
      </c>
      <c r="D390" s="16">
        <v>512</v>
      </c>
      <c r="E390" s="16">
        <v>1504</v>
      </c>
      <c r="F390" s="31" t="s">
        <v>1556</v>
      </c>
      <c r="G390" s="32" t="s">
        <v>6640</v>
      </c>
      <c r="H390" s="31" t="s">
        <v>253</v>
      </c>
      <c r="I390" s="31" t="s">
        <v>4475</v>
      </c>
      <c r="J390" s="19"/>
      <c r="K390" s="19"/>
      <c r="L390" s="31" t="s">
        <v>2230</v>
      </c>
      <c r="M390" s="16" t="s">
        <v>3478</v>
      </c>
      <c r="N390" s="16" t="s">
        <v>9822</v>
      </c>
      <c r="O390" s="21">
        <v>1969</v>
      </c>
      <c r="P390" s="19">
        <v>1</v>
      </c>
      <c r="Q390" s="22"/>
      <c r="R390" s="23">
        <v>45065</v>
      </c>
    </row>
    <row r="391" spans="1:18" ht="14.4" customHeight="1" x14ac:dyDescent="0.2">
      <c r="A391" s="15" t="s">
        <v>8189</v>
      </c>
      <c r="B391" s="10" t="s">
        <v>1806</v>
      </c>
      <c r="C391" s="16">
        <v>2</v>
      </c>
      <c r="D391" s="16">
        <v>512</v>
      </c>
      <c r="E391" s="16">
        <v>1504</v>
      </c>
      <c r="F391" s="31" t="s">
        <v>1557</v>
      </c>
      <c r="G391" s="32" t="s">
        <v>6641</v>
      </c>
      <c r="H391" s="31" t="s">
        <v>263</v>
      </c>
      <c r="I391" s="31" t="s">
        <v>4476</v>
      </c>
      <c r="J391" s="19"/>
      <c r="K391" s="19"/>
      <c r="L391" s="31" t="s">
        <v>2231</v>
      </c>
      <c r="M391" s="16" t="s">
        <v>3479</v>
      </c>
      <c r="N391" s="16" t="s">
        <v>9823</v>
      </c>
      <c r="O391" s="21">
        <v>1971</v>
      </c>
      <c r="P391" s="19">
        <v>1</v>
      </c>
      <c r="Q391" s="22"/>
      <c r="R391" s="23">
        <v>45065</v>
      </c>
    </row>
    <row r="392" spans="1:18" ht="14.4" customHeight="1" x14ac:dyDescent="0.2">
      <c r="A392" s="15" t="s">
        <v>8190</v>
      </c>
      <c r="B392" s="10" t="s">
        <v>1806</v>
      </c>
      <c r="C392" s="16">
        <v>2</v>
      </c>
      <c r="D392" s="16">
        <v>512</v>
      </c>
      <c r="E392" s="16">
        <v>1504</v>
      </c>
      <c r="F392" s="31" t="s">
        <v>1558</v>
      </c>
      <c r="G392" s="32" t="s">
        <v>6642</v>
      </c>
      <c r="H392" s="31" t="s">
        <v>1559</v>
      </c>
      <c r="I392" s="31" t="s">
        <v>4477</v>
      </c>
      <c r="J392" s="19"/>
      <c r="K392" s="19"/>
      <c r="L392" s="31" t="s">
        <v>2232</v>
      </c>
      <c r="M392" s="16" t="s">
        <v>3480</v>
      </c>
      <c r="N392" s="16" t="s">
        <v>9824</v>
      </c>
      <c r="O392" s="21">
        <v>1971</v>
      </c>
      <c r="P392" s="19">
        <v>1</v>
      </c>
      <c r="Q392" s="22"/>
      <c r="R392" s="23">
        <v>45065</v>
      </c>
    </row>
    <row r="393" spans="1:18" ht="14.4" customHeight="1" x14ac:dyDescent="0.2">
      <c r="A393" s="15" t="s">
        <v>8191</v>
      </c>
      <c r="B393" s="10" t="s">
        <v>1806</v>
      </c>
      <c r="C393" s="16">
        <v>2</v>
      </c>
      <c r="D393" s="16">
        <v>512</v>
      </c>
      <c r="E393" s="16">
        <v>1504</v>
      </c>
      <c r="F393" s="31" t="s">
        <v>1560</v>
      </c>
      <c r="G393" s="32" t="s">
        <v>6643</v>
      </c>
      <c r="H393" s="31" t="s">
        <v>265</v>
      </c>
      <c r="I393" s="31" t="s">
        <v>4225</v>
      </c>
      <c r="J393" s="19"/>
      <c r="K393" s="19"/>
      <c r="L393" s="31" t="s">
        <v>2233</v>
      </c>
      <c r="M393" s="16" t="s">
        <v>3481</v>
      </c>
      <c r="N393" s="16" t="s">
        <v>9825</v>
      </c>
      <c r="O393" s="21">
        <v>1973</v>
      </c>
      <c r="P393" s="19">
        <v>1</v>
      </c>
      <c r="Q393" s="22"/>
      <c r="R393" s="23">
        <v>45065</v>
      </c>
    </row>
    <row r="394" spans="1:18" ht="14.4" customHeight="1" x14ac:dyDescent="0.2">
      <c r="A394" s="15" t="s">
        <v>8192</v>
      </c>
      <c r="B394" s="10" t="s">
        <v>1806</v>
      </c>
      <c r="C394" s="16">
        <v>2</v>
      </c>
      <c r="D394" s="16">
        <v>512</v>
      </c>
      <c r="E394" s="16">
        <v>1504</v>
      </c>
      <c r="F394" s="31" t="s">
        <v>1561</v>
      </c>
      <c r="G394" s="32" t="s">
        <v>6644</v>
      </c>
      <c r="H394" s="31" t="s">
        <v>1562</v>
      </c>
      <c r="I394" s="31" t="s">
        <v>4478</v>
      </c>
      <c r="J394" s="19"/>
      <c r="K394" s="19"/>
      <c r="L394" s="31" t="s">
        <v>2234</v>
      </c>
      <c r="M394" s="16" t="s">
        <v>3482</v>
      </c>
      <c r="N394" s="16" t="s">
        <v>9826</v>
      </c>
      <c r="O394" s="21">
        <v>1976</v>
      </c>
      <c r="P394" s="19">
        <v>1</v>
      </c>
      <c r="Q394" s="22"/>
      <c r="R394" s="23">
        <v>45065</v>
      </c>
    </row>
    <row r="395" spans="1:18" ht="14.4" customHeight="1" x14ac:dyDescent="0.2">
      <c r="A395" s="15" t="s">
        <v>8193</v>
      </c>
      <c r="B395" s="10" t="s">
        <v>1806</v>
      </c>
      <c r="C395" s="16">
        <v>2</v>
      </c>
      <c r="D395" s="16">
        <v>512</v>
      </c>
      <c r="E395" s="16">
        <v>1504</v>
      </c>
      <c r="F395" s="31" t="s">
        <v>1563</v>
      </c>
      <c r="G395" s="32" t="s">
        <v>6645</v>
      </c>
      <c r="H395" s="31" t="s">
        <v>1564</v>
      </c>
      <c r="I395" s="31" t="s">
        <v>4479</v>
      </c>
      <c r="J395" s="19"/>
      <c r="K395" s="19"/>
      <c r="L395" s="31" t="s">
        <v>2235</v>
      </c>
      <c r="M395" s="16" t="s">
        <v>3483</v>
      </c>
      <c r="N395" s="16" t="s">
        <v>9827</v>
      </c>
      <c r="O395" s="21">
        <v>1977</v>
      </c>
      <c r="P395" s="19">
        <v>1</v>
      </c>
      <c r="Q395" s="22"/>
      <c r="R395" s="23">
        <v>45065</v>
      </c>
    </row>
    <row r="396" spans="1:18" ht="14.4" customHeight="1" x14ac:dyDescent="0.2">
      <c r="A396" s="15" t="s">
        <v>8194</v>
      </c>
      <c r="B396" s="10" t="s">
        <v>1806</v>
      </c>
      <c r="C396" s="16">
        <v>2</v>
      </c>
      <c r="D396" s="16">
        <v>512</v>
      </c>
      <c r="E396" s="16">
        <v>1504</v>
      </c>
      <c r="F396" s="31" t="s">
        <v>1565</v>
      </c>
      <c r="G396" s="32" t="s">
        <v>6646</v>
      </c>
      <c r="H396" s="31" t="s">
        <v>251</v>
      </c>
      <c r="I396" s="31" t="s">
        <v>4480</v>
      </c>
      <c r="J396" s="19"/>
      <c r="K396" s="19"/>
      <c r="L396" s="31" t="s">
        <v>2236</v>
      </c>
      <c r="M396" s="16" t="s">
        <v>3484</v>
      </c>
      <c r="N396" s="16" t="s">
        <v>9828</v>
      </c>
      <c r="O396" s="21">
        <v>1979</v>
      </c>
      <c r="P396" s="19">
        <v>1</v>
      </c>
      <c r="Q396" s="22"/>
      <c r="R396" s="23">
        <v>45065</v>
      </c>
    </row>
    <row r="397" spans="1:18" ht="14.4" customHeight="1" x14ac:dyDescent="0.2">
      <c r="A397" s="15" t="s">
        <v>8195</v>
      </c>
      <c r="B397" s="10" t="s">
        <v>1806</v>
      </c>
      <c r="C397" s="16">
        <v>2</v>
      </c>
      <c r="D397" s="16">
        <v>512</v>
      </c>
      <c r="E397" s="16">
        <v>1504</v>
      </c>
      <c r="F397" s="31" t="s">
        <v>1566</v>
      </c>
      <c r="G397" s="32" t="s">
        <v>6647</v>
      </c>
      <c r="H397" s="31" t="s">
        <v>1567</v>
      </c>
      <c r="I397" s="31" t="s">
        <v>4481</v>
      </c>
      <c r="J397" s="19"/>
      <c r="K397" s="19"/>
      <c r="L397" s="31" t="s">
        <v>2237</v>
      </c>
      <c r="M397" s="16" t="s">
        <v>3485</v>
      </c>
      <c r="N397" s="16" t="s">
        <v>9829</v>
      </c>
      <c r="O397" s="21">
        <v>1980</v>
      </c>
      <c r="P397" s="19">
        <v>1</v>
      </c>
      <c r="Q397" s="22"/>
      <c r="R397" s="23">
        <v>45065</v>
      </c>
    </row>
    <row r="398" spans="1:18" ht="14.4" customHeight="1" x14ac:dyDescent="0.2">
      <c r="A398" s="15" t="s">
        <v>8196</v>
      </c>
      <c r="B398" s="10" t="s">
        <v>1806</v>
      </c>
      <c r="C398" s="16">
        <v>2</v>
      </c>
      <c r="D398" s="16">
        <v>512</v>
      </c>
      <c r="E398" s="16">
        <v>1504</v>
      </c>
      <c r="F398" s="31" t="s">
        <v>1568</v>
      </c>
      <c r="G398" s="32" t="s">
        <v>6648</v>
      </c>
      <c r="H398" s="31" t="s">
        <v>279</v>
      </c>
      <c r="I398" s="31" t="s">
        <v>4482</v>
      </c>
      <c r="J398" s="19"/>
      <c r="K398" s="19"/>
      <c r="L398" s="31" t="s">
        <v>2238</v>
      </c>
      <c r="M398" s="16" t="s">
        <v>3486</v>
      </c>
      <c r="N398" s="16" t="s">
        <v>9830</v>
      </c>
      <c r="O398" s="21">
        <v>2007</v>
      </c>
      <c r="P398" s="19">
        <v>1</v>
      </c>
      <c r="Q398" s="22"/>
      <c r="R398" s="23">
        <v>45065</v>
      </c>
    </row>
    <row r="399" spans="1:18" ht="14.4" customHeight="1" x14ac:dyDescent="0.2">
      <c r="A399" s="15" t="s">
        <v>8197</v>
      </c>
      <c r="B399" s="10" t="s">
        <v>1806</v>
      </c>
      <c r="C399" s="16">
        <v>2</v>
      </c>
      <c r="D399" s="16">
        <v>512</v>
      </c>
      <c r="E399" s="16">
        <v>1504</v>
      </c>
      <c r="F399" s="31" t="s">
        <v>1569</v>
      </c>
      <c r="G399" s="32" t="s">
        <v>6649</v>
      </c>
      <c r="H399" s="31" t="s">
        <v>269</v>
      </c>
      <c r="I399" s="31" t="s">
        <v>4483</v>
      </c>
      <c r="J399" s="19"/>
      <c r="K399" s="19"/>
      <c r="L399" s="31" t="s">
        <v>2239</v>
      </c>
      <c r="M399" s="16" t="s">
        <v>3487</v>
      </c>
      <c r="N399" s="16" t="s">
        <v>9831</v>
      </c>
      <c r="O399" s="21">
        <v>1984</v>
      </c>
      <c r="P399" s="19">
        <v>1</v>
      </c>
      <c r="Q399" s="22"/>
      <c r="R399" s="23">
        <v>45065</v>
      </c>
    </row>
    <row r="400" spans="1:18" ht="14.4" customHeight="1" x14ac:dyDescent="0.2">
      <c r="A400" s="15" t="s">
        <v>8198</v>
      </c>
      <c r="B400" s="10" t="s">
        <v>1806</v>
      </c>
      <c r="C400" s="16">
        <v>2</v>
      </c>
      <c r="D400" s="16">
        <v>512</v>
      </c>
      <c r="E400" s="16">
        <v>1504</v>
      </c>
      <c r="F400" s="31" t="s">
        <v>1570</v>
      </c>
      <c r="G400" s="32" t="s">
        <v>6650</v>
      </c>
      <c r="H400" s="31" t="s">
        <v>286</v>
      </c>
      <c r="I400" s="31" t="s">
        <v>4484</v>
      </c>
      <c r="J400" s="19"/>
      <c r="K400" s="19"/>
      <c r="L400" s="31" t="s">
        <v>2240</v>
      </c>
      <c r="M400" s="16" t="s">
        <v>3488</v>
      </c>
      <c r="N400" s="16" t="s">
        <v>9832</v>
      </c>
      <c r="O400" s="21">
        <v>1947</v>
      </c>
      <c r="P400" s="19">
        <v>1</v>
      </c>
      <c r="Q400" s="22"/>
      <c r="R400" s="23">
        <v>45065</v>
      </c>
    </row>
    <row r="401" spans="1:18" ht="14.4" customHeight="1" x14ac:dyDescent="0.2">
      <c r="A401" s="15" t="s">
        <v>8199</v>
      </c>
      <c r="B401" s="10" t="s">
        <v>1806</v>
      </c>
      <c r="C401" s="16">
        <v>2</v>
      </c>
      <c r="D401" s="16">
        <v>512</v>
      </c>
      <c r="E401" s="16">
        <v>1504</v>
      </c>
      <c r="F401" s="31" t="s">
        <v>1571</v>
      </c>
      <c r="G401" s="32" t="s">
        <v>6651</v>
      </c>
      <c r="H401" s="31" t="s">
        <v>284</v>
      </c>
      <c r="I401" s="31" t="s">
        <v>4485</v>
      </c>
      <c r="J401" s="19"/>
      <c r="K401" s="19"/>
      <c r="L401" s="31" t="s">
        <v>2241</v>
      </c>
      <c r="M401" s="16" t="s">
        <v>3489</v>
      </c>
      <c r="N401" s="16" t="s">
        <v>9833</v>
      </c>
      <c r="O401" s="21">
        <v>1947</v>
      </c>
      <c r="P401" s="19">
        <v>1</v>
      </c>
      <c r="Q401" s="22"/>
      <c r="R401" s="23">
        <v>45065</v>
      </c>
    </row>
    <row r="402" spans="1:18" ht="14.4" customHeight="1" x14ac:dyDescent="0.2">
      <c r="A402" s="15" t="s">
        <v>8200</v>
      </c>
      <c r="B402" s="10" t="s">
        <v>1806</v>
      </c>
      <c r="C402" s="16">
        <v>2</v>
      </c>
      <c r="D402" s="16">
        <v>512</v>
      </c>
      <c r="E402" s="16">
        <v>1504</v>
      </c>
      <c r="F402" s="31" t="s">
        <v>1572</v>
      </c>
      <c r="G402" s="32" t="s">
        <v>6652</v>
      </c>
      <c r="H402" s="31" t="s">
        <v>295</v>
      </c>
      <c r="I402" s="31" t="s">
        <v>4486</v>
      </c>
      <c r="J402" s="19"/>
      <c r="K402" s="19"/>
      <c r="L402" s="31" t="s">
        <v>2242</v>
      </c>
      <c r="M402" s="16" t="s">
        <v>3490</v>
      </c>
      <c r="N402" s="16" t="s">
        <v>9834</v>
      </c>
      <c r="O402" s="21">
        <v>1949</v>
      </c>
      <c r="P402" s="19">
        <v>1</v>
      </c>
      <c r="Q402" s="22"/>
      <c r="R402" s="23">
        <v>45065</v>
      </c>
    </row>
    <row r="403" spans="1:18" ht="14.4" customHeight="1" x14ac:dyDescent="0.2">
      <c r="A403" s="15" t="s">
        <v>8201</v>
      </c>
      <c r="B403" s="10" t="s">
        <v>1806</v>
      </c>
      <c r="C403" s="16">
        <v>2</v>
      </c>
      <c r="D403" s="16">
        <v>512</v>
      </c>
      <c r="E403" s="16">
        <v>1504</v>
      </c>
      <c r="F403" s="31" t="s">
        <v>1573</v>
      </c>
      <c r="G403" s="32" t="s">
        <v>6653</v>
      </c>
      <c r="H403" s="31" t="s">
        <v>297</v>
      </c>
      <c r="I403" s="31" t="s">
        <v>4487</v>
      </c>
      <c r="J403" s="19"/>
      <c r="K403" s="19"/>
      <c r="L403" s="31" t="s">
        <v>2243</v>
      </c>
      <c r="M403" s="16" t="s">
        <v>3491</v>
      </c>
      <c r="N403" s="16" t="s">
        <v>9835</v>
      </c>
      <c r="O403" s="21">
        <v>1970</v>
      </c>
      <c r="P403" s="19">
        <v>1</v>
      </c>
      <c r="Q403" s="22"/>
      <c r="R403" s="23">
        <v>45065</v>
      </c>
    </row>
    <row r="404" spans="1:18" ht="14.4" customHeight="1" x14ac:dyDescent="0.2">
      <c r="A404" s="15" t="s">
        <v>8202</v>
      </c>
      <c r="B404" s="10" t="s">
        <v>1806</v>
      </c>
      <c r="C404" s="16">
        <v>2</v>
      </c>
      <c r="D404" s="16">
        <v>512</v>
      </c>
      <c r="E404" s="16">
        <v>1504</v>
      </c>
      <c r="F404" s="31" t="s">
        <v>1574</v>
      </c>
      <c r="G404" s="32" t="s">
        <v>6654</v>
      </c>
      <c r="H404" s="31" t="s">
        <v>299</v>
      </c>
      <c r="I404" s="31" t="s">
        <v>4488</v>
      </c>
      <c r="J404" s="19"/>
      <c r="K404" s="19"/>
      <c r="L404" s="31" t="s">
        <v>2244</v>
      </c>
      <c r="M404" s="16" t="s">
        <v>3492</v>
      </c>
      <c r="N404" s="16" t="s">
        <v>9836</v>
      </c>
      <c r="O404" s="21">
        <v>1971</v>
      </c>
      <c r="P404" s="19">
        <v>1</v>
      </c>
      <c r="Q404" s="22"/>
      <c r="R404" s="23">
        <v>45065</v>
      </c>
    </row>
    <row r="405" spans="1:18" ht="14.4" customHeight="1" x14ac:dyDescent="0.2">
      <c r="A405" s="15" t="s">
        <v>8203</v>
      </c>
      <c r="B405" s="10" t="s">
        <v>1806</v>
      </c>
      <c r="C405" s="16">
        <v>2</v>
      </c>
      <c r="D405" s="16">
        <v>512</v>
      </c>
      <c r="E405" s="16">
        <v>1504</v>
      </c>
      <c r="F405" s="31" t="s">
        <v>1575</v>
      </c>
      <c r="G405" s="32" t="s">
        <v>6655</v>
      </c>
      <c r="H405" s="31" t="s">
        <v>299</v>
      </c>
      <c r="I405" s="31" t="s">
        <v>4489</v>
      </c>
      <c r="J405" s="19"/>
      <c r="K405" s="19"/>
      <c r="L405" s="31" t="s">
        <v>2245</v>
      </c>
      <c r="M405" s="16" t="s">
        <v>3493</v>
      </c>
      <c r="N405" s="16" t="s">
        <v>9837</v>
      </c>
      <c r="O405" s="21">
        <v>1976</v>
      </c>
      <c r="P405" s="19">
        <v>1</v>
      </c>
      <c r="Q405" s="22"/>
      <c r="R405" s="23">
        <v>45065</v>
      </c>
    </row>
    <row r="406" spans="1:18" ht="14.4" customHeight="1" x14ac:dyDescent="0.2">
      <c r="A406" s="15" t="s">
        <v>8204</v>
      </c>
      <c r="B406" s="10" t="s">
        <v>1806</v>
      </c>
      <c r="C406" s="16">
        <v>2</v>
      </c>
      <c r="D406" s="16">
        <v>512</v>
      </c>
      <c r="E406" s="16">
        <v>1504</v>
      </c>
      <c r="F406" s="31" t="s">
        <v>1576</v>
      </c>
      <c r="G406" s="32" t="s">
        <v>6656</v>
      </c>
      <c r="H406" s="31" t="s">
        <v>292</v>
      </c>
      <c r="I406" s="31" t="s">
        <v>4490</v>
      </c>
      <c r="J406" s="19"/>
      <c r="K406" s="19"/>
      <c r="L406" s="31" t="s">
        <v>2246</v>
      </c>
      <c r="M406" s="16" t="s">
        <v>3494</v>
      </c>
      <c r="N406" s="16" t="s">
        <v>9838</v>
      </c>
      <c r="O406" s="21">
        <v>1984</v>
      </c>
      <c r="P406" s="19">
        <v>1</v>
      </c>
      <c r="Q406" s="22"/>
      <c r="R406" s="23">
        <v>45065</v>
      </c>
    </row>
    <row r="407" spans="1:18" ht="14.4" customHeight="1" x14ac:dyDescent="0.2">
      <c r="A407" s="15" t="s">
        <v>8205</v>
      </c>
      <c r="B407" s="10" t="s">
        <v>1806</v>
      </c>
      <c r="C407" s="16">
        <v>2</v>
      </c>
      <c r="D407" s="16">
        <v>512</v>
      </c>
      <c r="E407" s="16">
        <v>1504</v>
      </c>
      <c r="F407" s="31" t="s">
        <v>1577</v>
      </c>
      <c r="G407" s="32" t="s">
        <v>6657</v>
      </c>
      <c r="H407" s="31" t="s">
        <v>313</v>
      </c>
      <c r="I407" s="31" t="s">
        <v>4491</v>
      </c>
      <c r="J407" s="19"/>
      <c r="K407" s="19"/>
      <c r="L407" s="31" t="s">
        <v>2247</v>
      </c>
      <c r="M407" s="16" t="s">
        <v>3495</v>
      </c>
      <c r="N407" s="16" t="s">
        <v>9839</v>
      </c>
      <c r="O407" s="21">
        <v>1947</v>
      </c>
      <c r="P407" s="19">
        <v>1</v>
      </c>
      <c r="Q407" s="22"/>
      <c r="R407" s="23">
        <v>45065</v>
      </c>
    </row>
    <row r="408" spans="1:18" ht="14.4" customHeight="1" x14ac:dyDescent="0.2">
      <c r="A408" s="15" t="s">
        <v>8206</v>
      </c>
      <c r="B408" s="10" t="s">
        <v>1806</v>
      </c>
      <c r="C408" s="16">
        <v>2</v>
      </c>
      <c r="D408" s="16">
        <v>512</v>
      </c>
      <c r="E408" s="16">
        <v>1504</v>
      </c>
      <c r="F408" s="31" t="s">
        <v>1578</v>
      </c>
      <c r="G408" s="32" t="s">
        <v>6658</v>
      </c>
      <c r="H408" s="31" t="s">
        <v>311</v>
      </c>
      <c r="I408" s="31" t="s">
        <v>4492</v>
      </c>
      <c r="J408" s="19"/>
      <c r="K408" s="19"/>
      <c r="L408" s="31" t="s">
        <v>2248</v>
      </c>
      <c r="M408" s="16" t="s">
        <v>3496</v>
      </c>
      <c r="N408" s="16" t="s">
        <v>9840</v>
      </c>
      <c r="O408" s="21">
        <v>1947</v>
      </c>
      <c r="P408" s="19">
        <v>1</v>
      </c>
      <c r="Q408" s="22"/>
      <c r="R408" s="23">
        <v>45065</v>
      </c>
    </row>
    <row r="409" spans="1:18" ht="14.4" customHeight="1" x14ac:dyDescent="0.2">
      <c r="A409" s="15" t="s">
        <v>8207</v>
      </c>
      <c r="B409" s="10" t="s">
        <v>1806</v>
      </c>
      <c r="C409" s="16">
        <v>2</v>
      </c>
      <c r="D409" s="16">
        <v>512</v>
      </c>
      <c r="E409" s="16">
        <v>1504</v>
      </c>
      <c r="F409" s="31" t="s">
        <v>1579</v>
      </c>
      <c r="G409" s="32" t="s">
        <v>6659</v>
      </c>
      <c r="H409" s="31" t="s">
        <v>317</v>
      </c>
      <c r="I409" s="31" t="s">
        <v>4493</v>
      </c>
      <c r="J409" s="19"/>
      <c r="K409" s="19"/>
      <c r="L409" s="31" t="s">
        <v>2249</v>
      </c>
      <c r="M409" s="16" t="s">
        <v>3497</v>
      </c>
      <c r="N409" s="16" t="s">
        <v>9841</v>
      </c>
      <c r="O409" s="21">
        <v>1963</v>
      </c>
      <c r="P409" s="19">
        <v>1</v>
      </c>
      <c r="Q409" s="22"/>
      <c r="R409" s="23">
        <v>45065</v>
      </c>
    </row>
    <row r="410" spans="1:18" s="36" customFormat="1" ht="14.4" customHeight="1" x14ac:dyDescent="0.2">
      <c r="A410" s="15" t="s">
        <v>8208</v>
      </c>
      <c r="B410" s="10" t="s">
        <v>1806</v>
      </c>
      <c r="C410" s="16">
        <v>2</v>
      </c>
      <c r="D410" s="16">
        <v>512</v>
      </c>
      <c r="E410" s="16">
        <v>1504</v>
      </c>
      <c r="F410" s="31" t="s">
        <v>1580</v>
      </c>
      <c r="G410" s="32" t="s">
        <v>6660</v>
      </c>
      <c r="H410" s="31" t="s">
        <v>324</v>
      </c>
      <c r="I410" s="31" t="s">
        <v>4494</v>
      </c>
      <c r="J410" s="19"/>
      <c r="K410" s="19"/>
      <c r="L410" s="31" t="s">
        <v>2250</v>
      </c>
      <c r="M410" s="16" t="s">
        <v>3498</v>
      </c>
      <c r="N410" s="16" t="s">
        <v>9842</v>
      </c>
      <c r="O410" s="21">
        <v>1963</v>
      </c>
      <c r="P410" s="19">
        <v>1</v>
      </c>
      <c r="Q410" s="22"/>
      <c r="R410" s="23">
        <v>45065</v>
      </c>
    </row>
    <row r="411" spans="1:18" ht="14.4" customHeight="1" x14ac:dyDescent="0.2">
      <c r="A411" s="15" t="s">
        <v>8209</v>
      </c>
      <c r="B411" s="10" t="s">
        <v>1806</v>
      </c>
      <c r="C411" s="16">
        <v>2</v>
      </c>
      <c r="D411" s="16">
        <v>512</v>
      </c>
      <c r="E411" s="16">
        <v>1504</v>
      </c>
      <c r="F411" s="31" t="s">
        <v>1581</v>
      </c>
      <c r="G411" s="32" t="s">
        <v>6661</v>
      </c>
      <c r="H411" s="31" t="s">
        <v>315</v>
      </c>
      <c r="I411" s="31" t="s">
        <v>4495</v>
      </c>
      <c r="J411" s="19"/>
      <c r="K411" s="19"/>
      <c r="L411" s="31" t="s">
        <v>2251</v>
      </c>
      <c r="M411" s="16" t="s">
        <v>3499</v>
      </c>
      <c r="N411" s="16" t="s">
        <v>9843</v>
      </c>
      <c r="O411" s="21">
        <v>1973</v>
      </c>
      <c r="P411" s="19">
        <v>1</v>
      </c>
      <c r="Q411" s="22"/>
      <c r="R411" s="23">
        <v>45065</v>
      </c>
    </row>
    <row r="412" spans="1:18" ht="14.4" customHeight="1" x14ac:dyDescent="0.2">
      <c r="A412" s="15" t="s">
        <v>8210</v>
      </c>
      <c r="B412" s="10" t="s">
        <v>1806</v>
      </c>
      <c r="C412" s="16">
        <v>2</v>
      </c>
      <c r="D412" s="16">
        <v>512</v>
      </c>
      <c r="E412" s="16">
        <v>1504</v>
      </c>
      <c r="F412" s="31" t="s">
        <v>1582</v>
      </c>
      <c r="G412" s="32" t="s">
        <v>6662</v>
      </c>
      <c r="H412" s="31" t="s">
        <v>331</v>
      </c>
      <c r="I412" s="31" t="s">
        <v>4496</v>
      </c>
      <c r="J412" s="19"/>
      <c r="K412" s="19"/>
      <c r="L412" s="31" t="s">
        <v>2252</v>
      </c>
      <c r="M412" s="16" t="s">
        <v>3500</v>
      </c>
      <c r="N412" s="16" t="s">
        <v>9844</v>
      </c>
      <c r="O412" s="21">
        <v>1979</v>
      </c>
      <c r="P412" s="19">
        <v>1</v>
      </c>
      <c r="Q412" s="22"/>
      <c r="R412" s="23">
        <v>45065</v>
      </c>
    </row>
    <row r="413" spans="1:18" ht="14.4" customHeight="1" x14ac:dyDescent="0.2">
      <c r="A413" s="15" t="s">
        <v>8211</v>
      </c>
      <c r="B413" s="10" t="s">
        <v>1806</v>
      </c>
      <c r="C413" s="16">
        <v>2</v>
      </c>
      <c r="D413" s="16">
        <v>512</v>
      </c>
      <c r="E413" s="16">
        <v>1504</v>
      </c>
      <c r="F413" s="31" t="s">
        <v>1583</v>
      </c>
      <c r="G413" s="32" t="s">
        <v>6663</v>
      </c>
      <c r="H413" s="31" t="s">
        <v>331</v>
      </c>
      <c r="I413" s="31" t="s">
        <v>4497</v>
      </c>
      <c r="J413" s="19"/>
      <c r="K413" s="19"/>
      <c r="L413" s="31" t="s">
        <v>2253</v>
      </c>
      <c r="M413" s="16" t="s">
        <v>3501</v>
      </c>
      <c r="N413" s="16" t="s">
        <v>9845</v>
      </c>
      <c r="O413" s="21">
        <v>1982</v>
      </c>
      <c r="P413" s="19">
        <v>1</v>
      </c>
      <c r="Q413" s="22"/>
      <c r="R413" s="23">
        <v>45065</v>
      </c>
    </row>
    <row r="414" spans="1:18" ht="14.4" customHeight="1" x14ac:dyDescent="0.2">
      <c r="A414" s="15" t="s">
        <v>8212</v>
      </c>
      <c r="B414" s="10" t="s">
        <v>1806</v>
      </c>
      <c r="C414" s="16">
        <v>2</v>
      </c>
      <c r="D414" s="16">
        <v>512</v>
      </c>
      <c r="E414" s="16">
        <v>1504</v>
      </c>
      <c r="F414" s="31" t="s">
        <v>1584</v>
      </c>
      <c r="G414" s="32" t="s">
        <v>6664</v>
      </c>
      <c r="H414" s="31" t="s">
        <v>338</v>
      </c>
      <c r="I414" s="31" t="s">
        <v>4498</v>
      </c>
      <c r="J414" s="19"/>
      <c r="K414" s="19"/>
      <c r="L414" s="31" t="s">
        <v>2254</v>
      </c>
      <c r="M414" s="16" t="s">
        <v>3502</v>
      </c>
      <c r="N414" s="16" t="s">
        <v>9846</v>
      </c>
      <c r="O414" s="21">
        <v>1986</v>
      </c>
      <c r="P414" s="19">
        <v>1</v>
      </c>
      <c r="Q414" s="22"/>
      <c r="R414" s="23">
        <v>45065</v>
      </c>
    </row>
    <row r="415" spans="1:18" ht="14.4" customHeight="1" x14ac:dyDescent="0.2">
      <c r="A415" s="15" t="s">
        <v>8213</v>
      </c>
      <c r="B415" s="10" t="s">
        <v>1806</v>
      </c>
      <c r="C415" s="16">
        <v>2</v>
      </c>
      <c r="D415" s="16">
        <v>512</v>
      </c>
      <c r="E415" s="16">
        <v>1504</v>
      </c>
      <c r="F415" s="31" t="s">
        <v>1585</v>
      </c>
      <c r="G415" s="32" t="s">
        <v>6665</v>
      </c>
      <c r="H415" s="31" t="s">
        <v>315</v>
      </c>
      <c r="I415" s="31" t="s">
        <v>4499</v>
      </c>
      <c r="J415" s="19"/>
      <c r="K415" s="19"/>
      <c r="L415" s="31" t="s">
        <v>2255</v>
      </c>
      <c r="M415" s="16" t="s">
        <v>3503</v>
      </c>
      <c r="N415" s="16" t="s">
        <v>9847</v>
      </c>
      <c r="O415" s="21">
        <v>1992</v>
      </c>
      <c r="P415" s="19">
        <v>1</v>
      </c>
      <c r="Q415" s="22"/>
      <c r="R415" s="23">
        <v>45065</v>
      </c>
    </row>
    <row r="416" spans="1:18" ht="14.4" customHeight="1" x14ac:dyDescent="0.2">
      <c r="A416" s="15" t="s">
        <v>8214</v>
      </c>
      <c r="B416" s="10" t="s">
        <v>1806</v>
      </c>
      <c r="C416" s="16">
        <v>2</v>
      </c>
      <c r="D416" s="16">
        <v>512</v>
      </c>
      <c r="E416" s="16">
        <v>1504</v>
      </c>
      <c r="F416" s="31" t="s">
        <v>1586</v>
      </c>
      <c r="G416" s="32" t="s">
        <v>6666</v>
      </c>
      <c r="H416" s="31" t="s">
        <v>386</v>
      </c>
      <c r="I416" s="31" t="s">
        <v>4500</v>
      </c>
      <c r="J416" s="19"/>
      <c r="K416" s="19"/>
      <c r="L416" s="31" t="s">
        <v>2256</v>
      </c>
      <c r="M416" s="16" t="s">
        <v>3504</v>
      </c>
      <c r="N416" s="16" t="s">
        <v>9848</v>
      </c>
      <c r="O416" s="21">
        <v>1947</v>
      </c>
      <c r="P416" s="19">
        <v>1</v>
      </c>
      <c r="Q416" s="22"/>
      <c r="R416" s="23">
        <v>45065</v>
      </c>
    </row>
    <row r="417" spans="1:18" ht="14.4" customHeight="1" x14ac:dyDescent="0.2">
      <c r="A417" s="15" t="s">
        <v>8215</v>
      </c>
      <c r="B417" s="10" t="s">
        <v>1806</v>
      </c>
      <c r="C417" s="16">
        <v>2</v>
      </c>
      <c r="D417" s="16">
        <v>512</v>
      </c>
      <c r="E417" s="16">
        <v>1504</v>
      </c>
      <c r="F417" s="31" t="s">
        <v>1587</v>
      </c>
      <c r="G417" s="32" t="s">
        <v>6667</v>
      </c>
      <c r="H417" s="31" t="s">
        <v>368</v>
      </c>
      <c r="I417" s="31" t="s">
        <v>4501</v>
      </c>
      <c r="J417" s="19"/>
      <c r="K417" s="19"/>
      <c r="L417" s="31" t="s">
        <v>2257</v>
      </c>
      <c r="M417" s="16" t="s">
        <v>3505</v>
      </c>
      <c r="N417" s="16" t="s">
        <v>9849</v>
      </c>
      <c r="O417" s="21">
        <v>1947</v>
      </c>
      <c r="P417" s="19">
        <v>1</v>
      </c>
      <c r="Q417" s="22"/>
      <c r="R417" s="23">
        <v>45065</v>
      </c>
    </row>
    <row r="418" spans="1:18" ht="14.4" customHeight="1" x14ac:dyDescent="0.2">
      <c r="A418" s="15" t="s">
        <v>8216</v>
      </c>
      <c r="B418" s="10" t="s">
        <v>1806</v>
      </c>
      <c r="C418" s="16">
        <v>2</v>
      </c>
      <c r="D418" s="16">
        <v>512</v>
      </c>
      <c r="E418" s="16">
        <v>1504</v>
      </c>
      <c r="F418" s="31" t="s">
        <v>1588</v>
      </c>
      <c r="G418" s="32" t="s">
        <v>6668</v>
      </c>
      <c r="H418" s="31" t="s">
        <v>344</v>
      </c>
      <c r="I418" s="31" t="s">
        <v>4502</v>
      </c>
      <c r="J418" s="19"/>
      <c r="K418" s="19"/>
      <c r="L418" s="31" t="s">
        <v>2258</v>
      </c>
      <c r="M418" s="16" t="s">
        <v>3506</v>
      </c>
      <c r="N418" s="16" t="s">
        <v>9850</v>
      </c>
      <c r="O418" s="21">
        <v>1947</v>
      </c>
      <c r="P418" s="19">
        <v>1</v>
      </c>
      <c r="Q418" s="22"/>
      <c r="R418" s="23">
        <v>45065</v>
      </c>
    </row>
    <row r="419" spans="1:18" ht="14.4" customHeight="1" x14ac:dyDescent="0.2">
      <c r="A419" s="15" t="s">
        <v>8217</v>
      </c>
      <c r="B419" s="10" t="s">
        <v>1806</v>
      </c>
      <c r="C419" s="16">
        <v>2</v>
      </c>
      <c r="D419" s="16">
        <v>512</v>
      </c>
      <c r="E419" s="16">
        <v>1504</v>
      </c>
      <c r="F419" s="31" t="s">
        <v>1589</v>
      </c>
      <c r="G419" s="32" t="s">
        <v>6669</v>
      </c>
      <c r="H419" s="31" t="s">
        <v>350</v>
      </c>
      <c r="I419" s="31" t="s">
        <v>4503</v>
      </c>
      <c r="J419" s="19"/>
      <c r="K419" s="19"/>
      <c r="L419" s="31" t="s">
        <v>2259</v>
      </c>
      <c r="M419" s="16" t="s">
        <v>3507</v>
      </c>
      <c r="N419" s="16" t="s">
        <v>9851</v>
      </c>
      <c r="O419" s="21">
        <v>1949</v>
      </c>
      <c r="P419" s="19">
        <v>1</v>
      </c>
      <c r="Q419" s="22"/>
      <c r="R419" s="23">
        <v>45065</v>
      </c>
    </row>
    <row r="420" spans="1:18" ht="14.4" customHeight="1" x14ac:dyDescent="0.2">
      <c r="A420" s="15" t="s">
        <v>8218</v>
      </c>
      <c r="B420" s="10" t="s">
        <v>1806</v>
      </c>
      <c r="C420" s="16">
        <v>2</v>
      </c>
      <c r="D420" s="16">
        <v>512</v>
      </c>
      <c r="E420" s="16">
        <v>1504</v>
      </c>
      <c r="F420" s="31" t="s">
        <v>1590</v>
      </c>
      <c r="G420" s="32" t="s">
        <v>6670</v>
      </c>
      <c r="H420" s="31" t="s">
        <v>366</v>
      </c>
      <c r="I420" s="31" t="s">
        <v>4504</v>
      </c>
      <c r="J420" s="19"/>
      <c r="K420" s="19"/>
      <c r="L420" s="31" t="s">
        <v>2260</v>
      </c>
      <c r="M420" s="16" t="s">
        <v>3508</v>
      </c>
      <c r="N420" s="16" t="s">
        <v>9852</v>
      </c>
      <c r="O420" s="21">
        <v>1972</v>
      </c>
      <c r="P420" s="19">
        <v>1</v>
      </c>
      <c r="Q420" s="22"/>
      <c r="R420" s="23">
        <v>45065</v>
      </c>
    </row>
    <row r="421" spans="1:18" ht="14.4" customHeight="1" x14ac:dyDescent="0.2">
      <c r="A421" s="15" t="s">
        <v>8219</v>
      </c>
      <c r="B421" s="10" t="s">
        <v>1806</v>
      </c>
      <c r="C421" s="16">
        <v>2</v>
      </c>
      <c r="D421" s="16">
        <v>512</v>
      </c>
      <c r="E421" s="16">
        <v>1504</v>
      </c>
      <c r="F421" s="31" t="s">
        <v>1591</v>
      </c>
      <c r="G421" s="32" t="s">
        <v>6671</v>
      </c>
      <c r="H421" s="31" t="s">
        <v>1592</v>
      </c>
      <c r="I421" s="31" t="s">
        <v>4505</v>
      </c>
      <c r="J421" s="19"/>
      <c r="K421" s="19"/>
      <c r="L421" s="31" t="s">
        <v>2261</v>
      </c>
      <c r="M421" s="16" t="s">
        <v>3509</v>
      </c>
      <c r="N421" s="16" t="s">
        <v>9853</v>
      </c>
      <c r="O421" s="21">
        <v>1974</v>
      </c>
      <c r="P421" s="19">
        <v>1</v>
      </c>
      <c r="Q421" s="22"/>
      <c r="R421" s="23">
        <v>45065</v>
      </c>
    </row>
    <row r="422" spans="1:18" ht="14.4" customHeight="1" x14ac:dyDescent="0.2">
      <c r="A422" s="15" t="s">
        <v>8220</v>
      </c>
      <c r="B422" s="10" t="s">
        <v>1806</v>
      </c>
      <c r="C422" s="16">
        <v>2</v>
      </c>
      <c r="D422" s="16">
        <v>512</v>
      </c>
      <c r="E422" s="16">
        <v>1504</v>
      </c>
      <c r="F422" s="31" t="s">
        <v>1593</v>
      </c>
      <c r="G422" s="32" t="s">
        <v>6672</v>
      </c>
      <c r="H422" s="31" t="s">
        <v>344</v>
      </c>
      <c r="I422" s="31" t="s">
        <v>4506</v>
      </c>
      <c r="J422" s="19"/>
      <c r="K422" s="19"/>
      <c r="L422" s="31" t="s">
        <v>2262</v>
      </c>
      <c r="M422" s="16" t="s">
        <v>3510</v>
      </c>
      <c r="N422" s="16" t="s">
        <v>9854</v>
      </c>
      <c r="O422" s="21">
        <v>1977</v>
      </c>
      <c r="P422" s="19">
        <v>1</v>
      </c>
      <c r="Q422" s="22"/>
      <c r="R422" s="23">
        <v>45065</v>
      </c>
    </row>
    <row r="423" spans="1:18" ht="14.4" customHeight="1" x14ac:dyDescent="0.2">
      <c r="A423" s="15" t="s">
        <v>8221</v>
      </c>
      <c r="B423" s="10" t="s">
        <v>1806</v>
      </c>
      <c r="C423" s="16">
        <v>2</v>
      </c>
      <c r="D423" s="16">
        <v>512</v>
      </c>
      <c r="E423" s="16">
        <v>1504</v>
      </c>
      <c r="F423" s="31" t="s">
        <v>1594</v>
      </c>
      <c r="G423" s="32" t="s">
        <v>6673</v>
      </c>
      <c r="H423" s="31" t="s">
        <v>380</v>
      </c>
      <c r="I423" s="31" t="s">
        <v>4507</v>
      </c>
      <c r="J423" s="19"/>
      <c r="K423" s="19"/>
      <c r="L423" s="31" t="s">
        <v>2263</v>
      </c>
      <c r="M423" s="16" t="s">
        <v>3511</v>
      </c>
      <c r="N423" s="16" t="s">
        <v>9855</v>
      </c>
      <c r="O423" s="21">
        <v>1978</v>
      </c>
      <c r="P423" s="19">
        <v>1</v>
      </c>
      <c r="Q423" s="22"/>
      <c r="R423" s="23">
        <v>45065</v>
      </c>
    </row>
    <row r="424" spans="1:18" ht="14.4" customHeight="1" x14ac:dyDescent="0.2">
      <c r="A424" s="15" t="s">
        <v>8222</v>
      </c>
      <c r="B424" s="10" t="s">
        <v>1806</v>
      </c>
      <c r="C424" s="16">
        <v>2</v>
      </c>
      <c r="D424" s="16">
        <v>512</v>
      </c>
      <c r="E424" s="16">
        <v>1504</v>
      </c>
      <c r="F424" s="31" t="s">
        <v>1595</v>
      </c>
      <c r="G424" s="32" t="s">
        <v>6674</v>
      </c>
      <c r="H424" s="31" t="s">
        <v>346</v>
      </c>
      <c r="I424" s="31" t="s">
        <v>4508</v>
      </c>
      <c r="J424" s="19"/>
      <c r="K424" s="19"/>
      <c r="L424" s="31" t="s">
        <v>2264</v>
      </c>
      <c r="M424" s="16" t="s">
        <v>3512</v>
      </c>
      <c r="N424" s="16" t="s">
        <v>9856</v>
      </c>
      <c r="O424" s="21">
        <v>1988</v>
      </c>
      <c r="P424" s="19">
        <v>1</v>
      </c>
      <c r="Q424" s="22"/>
      <c r="R424" s="23">
        <v>45065</v>
      </c>
    </row>
    <row r="425" spans="1:18" ht="14.4" customHeight="1" x14ac:dyDescent="0.2">
      <c r="A425" s="15" t="s">
        <v>8223</v>
      </c>
      <c r="B425" s="10" t="s">
        <v>1806</v>
      </c>
      <c r="C425" s="16">
        <v>2</v>
      </c>
      <c r="D425" s="16">
        <v>512</v>
      </c>
      <c r="E425" s="16">
        <v>1504</v>
      </c>
      <c r="F425" s="31" t="s">
        <v>1596</v>
      </c>
      <c r="G425" s="32" t="s">
        <v>6675</v>
      </c>
      <c r="H425" s="31" t="s">
        <v>1597</v>
      </c>
      <c r="I425" s="31" t="s">
        <v>4509</v>
      </c>
      <c r="J425" s="19"/>
      <c r="K425" s="19"/>
      <c r="L425" s="31" t="s">
        <v>2265</v>
      </c>
      <c r="M425" s="16" t="s">
        <v>3513</v>
      </c>
      <c r="N425" s="16" t="s">
        <v>9857</v>
      </c>
      <c r="O425" s="21">
        <v>1947</v>
      </c>
      <c r="P425" s="19">
        <v>1</v>
      </c>
      <c r="Q425" s="22"/>
      <c r="R425" s="23">
        <v>45065</v>
      </c>
    </row>
    <row r="426" spans="1:18" ht="14.4" customHeight="1" x14ac:dyDescent="0.2">
      <c r="A426" s="15" t="s">
        <v>8224</v>
      </c>
      <c r="B426" s="10" t="s">
        <v>1806</v>
      </c>
      <c r="C426" s="16">
        <v>2</v>
      </c>
      <c r="D426" s="16">
        <v>512</v>
      </c>
      <c r="E426" s="16">
        <v>1504</v>
      </c>
      <c r="F426" s="31" t="s">
        <v>1598</v>
      </c>
      <c r="G426" s="32" t="s">
        <v>6676</v>
      </c>
      <c r="H426" s="31" t="s">
        <v>1599</v>
      </c>
      <c r="I426" s="31" t="s">
        <v>4510</v>
      </c>
      <c r="J426" s="19"/>
      <c r="K426" s="19"/>
      <c r="L426" s="31" t="s">
        <v>2266</v>
      </c>
      <c r="M426" s="16" t="s">
        <v>3514</v>
      </c>
      <c r="N426" s="16" t="s">
        <v>9858</v>
      </c>
      <c r="O426" s="21">
        <v>1947</v>
      </c>
      <c r="P426" s="19">
        <v>1</v>
      </c>
      <c r="Q426" s="22"/>
      <c r="R426" s="23">
        <v>45065</v>
      </c>
    </row>
    <row r="427" spans="1:18" ht="14.4" customHeight="1" x14ac:dyDescent="0.2">
      <c r="A427" s="15" t="s">
        <v>8225</v>
      </c>
      <c r="B427" s="10" t="s">
        <v>1806</v>
      </c>
      <c r="C427" s="16">
        <v>2</v>
      </c>
      <c r="D427" s="16">
        <v>512</v>
      </c>
      <c r="E427" s="16">
        <v>1504</v>
      </c>
      <c r="F427" s="31" t="s">
        <v>1600</v>
      </c>
      <c r="G427" s="32" t="s">
        <v>6677</v>
      </c>
      <c r="H427" s="31" t="s">
        <v>398</v>
      </c>
      <c r="I427" s="31" t="s">
        <v>4511</v>
      </c>
      <c r="J427" s="19"/>
      <c r="K427" s="19"/>
      <c r="L427" s="31" t="s">
        <v>2267</v>
      </c>
      <c r="M427" s="16" t="s">
        <v>3515</v>
      </c>
      <c r="N427" s="16" t="s">
        <v>9859</v>
      </c>
      <c r="O427" s="21">
        <v>1964</v>
      </c>
      <c r="P427" s="19">
        <v>1</v>
      </c>
      <c r="Q427" s="22"/>
      <c r="R427" s="23">
        <v>45065</v>
      </c>
    </row>
    <row r="428" spans="1:18" ht="14.4" customHeight="1" x14ac:dyDescent="0.2">
      <c r="A428" s="15" t="s">
        <v>8226</v>
      </c>
      <c r="B428" s="10" t="s">
        <v>1806</v>
      </c>
      <c r="C428" s="16">
        <v>2</v>
      </c>
      <c r="D428" s="16">
        <v>512</v>
      </c>
      <c r="E428" s="16">
        <v>1504</v>
      </c>
      <c r="F428" s="31" t="s">
        <v>1601</v>
      </c>
      <c r="G428" s="32" t="s">
        <v>6678</v>
      </c>
      <c r="H428" s="31" t="s">
        <v>392</v>
      </c>
      <c r="I428" s="31" t="s">
        <v>4512</v>
      </c>
      <c r="J428" s="19"/>
      <c r="K428" s="19"/>
      <c r="L428" s="31" t="s">
        <v>2268</v>
      </c>
      <c r="M428" s="16" t="s">
        <v>3516</v>
      </c>
      <c r="N428" s="16" t="s">
        <v>9860</v>
      </c>
      <c r="O428" s="21">
        <v>1978</v>
      </c>
      <c r="P428" s="19">
        <v>1</v>
      </c>
      <c r="Q428" s="22"/>
      <c r="R428" s="23">
        <v>45065</v>
      </c>
    </row>
    <row r="429" spans="1:18" ht="14.4" customHeight="1" x14ac:dyDescent="0.2">
      <c r="A429" s="15" t="s">
        <v>8227</v>
      </c>
      <c r="B429" s="10" t="s">
        <v>1806</v>
      </c>
      <c r="C429" s="16">
        <v>2</v>
      </c>
      <c r="D429" s="16">
        <v>512</v>
      </c>
      <c r="E429" s="16">
        <v>1504</v>
      </c>
      <c r="F429" s="31" t="s">
        <v>1602</v>
      </c>
      <c r="G429" s="32" t="s">
        <v>6679</v>
      </c>
      <c r="H429" s="31" t="s">
        <v>392</v>
      </c>
      <c r="I429" s="31" t="s">
        <v>4513</v>
      </c>
      <c r="J429" s="19"/>
      <c r="K429" s="19"/>
      <c r="L429" s="31" t="s">
        <v>2269</v>
      </c>
      <c r="M429" s="16" t="s">
        <v>3517</v>
      </c>
      <c r="N429" s="16" t="s">
        <v>9861</v>
      </c>
      <c r="O429" s="21">
        <v>1988</v>
      </c>
      <c r="P429" s="19">
        <v>1</v>
      </c>
      <c r="Q429" s="22"/>
      <c r="R429" s="23">
        <v>45065</v>
      </c>
    </row>
    <row r="430" spans="1:18" ht="14.4" customHeight="1" x14ac:dyDescent="0.2">
      <c r="A430" s="15" t="s">
        <v>8228</v>
      </c>
      <c r="B430" s="10" t="s">
        <v>1806</v>
      </c>
      <c r="C430" s="16">
        <v>2</v>
      </c>
      <c r="D430" s="16">
        <v>512</v>
      </c>
      <c r="E430" s="16">
        <v>1504</v>
      </c>
      <c r="F430" s="31" t="s">
        <v>1603</v>
      </c>
      <c r="G430" s="32" t="s">
        <v>6680</v>
      </c>
      <c r="H430" s="31" t="s">
        <v>426</v>
      </c>
      <c r="I430" s="31" t="s">
        <v>4514</v>
      </c>
      <c r="J430" s="19"/>
      <c r="K430" s="19"/>
      <c r="L430" s="31" t="s">
        <v>2270</v>
      </c>
      <c r="M430" s="16" t="s">
        <v>3518</v>
      </c>
      <c r="N430" s="16" t="s">
        <v>9862</v>
      </c>
      <c r="O430" s="21">
        <v>1947</v>
      </c>
      <c r="P430" s="19">
        <v>1</v>
      </c>
      <c r="Q430" s="22"/>
      <c r="R430" s="23">
        <v>45065</v>
      </c>
    </row>
    <row r="431" spans="1:18" ht="14.4" customHeight="1" x14ac:dyDescent="0.2">
      <c r="A431" s="15" t="s">
        <v>8229</v>
      </c>
      <c r="B431" s="10" t="s">
        <v>1806</v>
      </c>
      <c r="C431" s="16">
        <v>2</v>
      </c>
      <c r="D431" s="16">
        <v>512</v>
      </c>
      <c r="E431" s="16">
        <v>1504</v>
      </c>
      <c r="F431" s="31" t="s">
        <v>1604</v>
      </c>
      <c r="G431" s="32" t="s">
        <v>6681</v>
      </c>
      <c r="H431" s="31" t="s">
        <v>1605</v>
      </c>
      <c r="I431" s="31" t="s">
        <v>4515</v>
      </c>
      <c r="J431" s="19"/>
      <c r="K431" s="19"/>
      <c r="L431" s="31" t="s">
        <v>2271</v>
      </c>
      <c r="M431" s="16" t="s">
        <v>3519</v>
      </c>
      <c r="N431" s="16" t="s">
        <v>9863</v>
      </c>
      <c r="O431" s="21">
        <v>1947</v>
      </c>
      <c r="P431" s="19">
        <v>1</v>
      </c>
      <c r="Q431" s="22"/>
      <c r="R431" s="23">
        <v>45065</v>
      </c>
    </row>
    <row r="432" spans="1:18" ht="14.4" customHeight="1" x14ac:dyDescent="0.2">
      <c r="A432" s="15" t="s">
        <v>8230</v>
      </c>
      <c r="B432" s="10" t="s">
        <v>1806</v>
      </c>
      <c r="C432" s="16">
        <v>2</v>
      </c>
      <c r="D432" s="16">
        <v>512</v>
      </c>
      <c r="E432" s="16">
        <v>1504</v>
      </c>
      <c r="F432" s="31" t="s">
        <v>1606</v>
      </c>
      <c r="G432" s="32" t="s">
        <v>6682</v>
      </c>
      <c r="H432" s="31" t="s">
        <v>1607</v>
      </c>
      <c r="I432" s="31" t="s">
        <v>4516</v>
      </c>
      <c r="J432" s="19"/>
      <c r="K432" s="19"/>
      <c r="L432" s="31" t="s">
        <v>2272</v>
      </c>
      <c r="M432" s="16" t="s">
        <v>3520</v>
      </c>
      <c r="N432" s="16" t="s">
        <v>9864</v>
      </c>
      <c r="O432" s="21">
        <v>1973</v>
      </c>
      <c r="P432" s="19">
        <v>1</v>
      </c>
      <c r="Q432" s="22"/>
      <c r="R432" s="23">
        <v>45065</v>
      </c>
    </row>
    <row r="433" spans="1:18" ht="14.4" customHeight="1" x14ac:dyDescent="0.2">
      <c r="A433" s="15" t="s">
        <v>8231</v>
      </c>
      <c r="B433" s="10" t="s">
        <v>1806</v>
      </c>
      <c r="C433" s="16">
        <v>2</v>
      </c>
      <c r="D433" s="16">
        <v>512</v>
      </c>
      <c r="E433" s="16">
        <v>1504</v>
      </c>
      <c r="F433" s="31" t="s">
        <v>1608</v>
      </c>
      <c r="G433" s="32" t="s">
        <v>6683</v>
      </c>
      <c r="H433" s="31" t="s">
        <v>436</v>
      </c>
      <c r="I433" s="31" t="s">
        <v>4517</v>
      </c>
      <c r="J433" s="19"/>
      <c r="K433" s="19"/>
      <c r="L433" s="31" t="s">
        <v>2273</v>
      </c>
      <c r="M433" s="16" t="s">
        <v>3521</v>
      </c>
      <c r="N433" s="16" t="s">
        <v>9865</v>
      </c>
      <c r="O433" s="21">
        <v>1978</v>
      </c>
      <c r="P433" s="19">
        <v>1</v>
      </c>
      <c r="Q433" s="22"/>
      <c r="R433" s="23">
        <v>45065</v>
      </c>
    </row>
    <row r="434" spans="1:18" ht="14.4" customHeight="1" x14ac:dyDescent="0.2">
      <c r="A434" s="15" t="s">
        <v>8232</v>
      </c>
      <c r="B434" s="10" t="s">
        <v>1806</v>
      </c>
      <c r="C434" s="16">
        <v>2</v>
      </c>
      <c r="D434" s="16">
        <v>512</v>
      </c>
      <c r="E434" s="16">
        <v>1504</v>
      </c>
      <c r="F434" s="31" t="s">
        <v>1609</v>
      </c>
      <c r="G434" s="32" t="s">
        <v>6684</v>
      </c>
      <c r="H434" s="31" t="s">
        <v>426</v>
      </c>
      <c r="I434" s="31" t="s">
        <v>4518</v>
      </c>
      <c r="J434" s="19"/>
      <c r="K434" s="19"/>
      <c r="L434" s="31" t="s">
        <v>2274</v>
      </c>
      <c r="M434" s="16" t="s">
        <v>3522</v>
      </c>
      <c r="N434" s="16" t="s">
        <v>9866</v>
      </c>
      <c r="O434" s="21">
        <v>1979</v>
      </c>
      <c r="P434" s="19">
        <v>1</v>
      </c>
      <c r="Q434" s="22"/>
      <c r="R434" s="23">
        <v>45065</v>
      </c>
    </row>
    <row r="435" spans="1:18" ht="14.4" customHeight="1" x14ac:dyDescent="0.2">
      <c r="A435" s="15" t="s">
        <v>8233</v>
      </c>
      <c r="B435" s="10" t="s">
        <v>1806</v>
      </c>
      <c r="C435" s="16">
        <v>2</v>
      </c>
      <c r="D435" s="16">
        <v>512</v>
      </c>
      <c r="E435" s="16">
        <v>1504</v>
      </c>
      <c r="F435" s="31" t="s">
        <v>1610</v>
      </c>
      <c r="G435" s="32" t="s">
        <v>6685</v>
      </c>
      <c r="H435" s="31" t="s">
        <v>431</v>
      </c>
      <c r="I435" s="31" t="s">
        <v>4519</v>
      </c>
      <c r="J435" s="19"/>
      <c r="K435" s="19"/>
      <c r="L435" s="31" t="s">
        <v>2275</v>
      </c>
      <c r="M435" s="16" t="s">
        <v>3523</v>
      </c>
      <c r="N435" s="16" t="s">
        <v>9867</v>
      </c>
      <c r="O435" s="21">
        <v>1981</v>
      </c>
      <c r="P435" s="19">
        <v>1</v>
      </c>
      <c r="Q435" s="22"/>
      <c r="R435" s="23">
        <v>45065</v>
      </c>
    </row>
    <row r="436" spans="1:18" ht="14.4" customHeight="1" x14ac:dyDescent="0.2">
      <c r="A436" s="15" t="s">
        <v>8234</v>
      </c>
      <c r="B436" s="10" t="s">
        <v>1806</v>
      </c>
      <c r="C436" s="16">
        <v>2</v>
      </c>
      <c r="D436" s="16">
        <v>512</v>
      </c>
      <c r="E436" s="16">
        <v>1504</v>
      </c>
      <c r="F436" s="31" t="s">
        <v>1611</v>
      </c>
      <c r="G436" s="32" t="s">
        <v>6686</v>
      </c>
      <c r="H436" s="31" t="s">
        <v>1612</v>
      </c>
      <c r="I436" s="31" t="s">
        <v>4520</v>
      </c>
      <c r="J436" s="19"/>
      <c r="K436" s="19"/>
      <c r="L436" s="31" t="s">
        <v>2276</v>
      </c>
      <c r="M436" s="16" t="s">
        <v>3524</v>
      </c>
      <c r="N436" s="16" t="s">
        <v>9868</v>
      </c>
      <c r="O436" s="21">
        <v>1981</v>
      </c>
      <c r="P436" s="19">
        <v>1</v>
      </c>
      <c r="Q436" s="22"/>
      <c r="R436" s="23">
        <v>45065</v>
      </c>
    </row>
    <row r="437" spans="1:18" ht="14.4" customHeight="1" x14ac:dyDescent="0.2">
      <c r="A437" s="15" t="s">
        <v>8235</v>
      </c>
      <c r="B437" s="10" t="s">
        <v>1806</v>
      </c>
      <c r="C437" s="16">
        <v>2</v>
      </c>
      <c r="D437" s="16">
        <v>512</v>
      </c>
      <c r="E437" s="16">
        <v>1504</v>
      </c>
      <c r="F437" s="31" t="s">
        <v>1613</v>
      </c>
      <c r="G437" s="32" t="s">
        <v>6687</v>
      </c>
      <c r="H437" s="31" t="s">
        <v>1614</v>
      </c>
      <c r="I437" s="31" t="s">
        <v>4521</v>
      </c>
      <c r="J437" s="19"/>
      <c r="K437" s="19"/>
      <c r="L437" s="31" t="s">
        <v>2277</v>
      </c>
      <c r="M437" s="16" t="s">
        <v>3525</v>
      </c>
      <c r="N437" s="16" t="s">
        <v>9869</v>
      </c>
      <c r="O437" s="21">
        <v>1981</v>
      </c>
      <c r="P437" s="19">
        <v>1</v>
      </c>
      <c r="Q437" s="22"/>
      <c r="R437" s="23">
        <v>45065</v>
      </c>
    </row>
    <row r="438" spans="1:18" ht="14.4" customHeight="1" x14ac:dyDescent="0.2">
      <c r="A438" s="15" t="s">
        <v>8236</v>
      </c>
      <c r="B438" s="10" t="s">
        <v>1806</v>
      </c>
      <c r="C438" s="16">
        <v>2</v>
      </c>
      <c r="D438" s="16">
        <v>512</v>
      </c>
      <c r="E438" s="16">
        <v>1504</v>
      </c>
      <c r="F438" s="31" t="s">
        <v>1615</v>
      </c>
      <c r="G438" s="32" t="s">
        <v>6688</v>
      </c>
      <c r="H438" s="31" t="s">
        <v>433</v>
      </c>
      <c r="I438" s="31" t="s">
        <v>4522</v>
      </c>
      <c r="J438" s="19"/>
      <c r="K438" s="19"/>
      <c r="L438" s="31" t="s">
        <v>2278</v>
      </c>
      <c r="M438" s="16" t="s">
        <v>3526</v>
      </c>
      <c r="N438" s="16" t="s">
        <v>9870</v>
      </c>
      <c r="O438" s="21">
        <v>1982</v>
      </c>
      <c r="P438" s="19">
        <v>1</v>
      </c>
      <c r="Q438" s="22"/>
      <c r="R438" s="23">
        <v>45065</v>
      </c>
    </row>
    <row r="439" spans="1:18" ht="14.4" customHeight="1" x14ac:dyDescent="0.2">
      <c r="A439" s="15" t="s">
        <v>8237</v>
      </c>
      <c r="B439" s="10" t="s">
        <v>1806</v>
      </c>
      <c r="C439" s="16">
        <v>2</v>
      </c>
      <c r="D439" s="16">
        <v>512</v>
      </c>
      <c r="E439" s="16">
        <v>1504</v>
      </c>
      <c r="F439" s="31" t="s">
        <v>1616</v>
      </c>
      <c r="G439" s="32" t="s">
        <v>6689</v>
      </c>
      <c r="H439" s="31" t="s">
        <v>442</v>
      </c>
      <c r="I439" s="31" t="s">
        <v>4523</v>
      </c>
      <c r="J439" s="19"/>
      <c r="K439" s="19"/>
      <c r="L439" s="31" t="s">
        <v>2279</v>
      </c>
      <c r="M439" s="16" t="s">
        <v>3527</v>
      </c>
      <c r="N439" s="16" t="s">
        <v>9871</v>
      </c>
      <c r="O439" s="21">
        <v>1982</v>
      </c>
      <c r="P439" s="19">
        <v>1</v>
      </c>
      <c r="Q439" s="22"/>
      <c r="R439" s="23">
        <v>45065</v>
      </c>
    </row>
    <row r="440" spans="1:18" ht="14.4" customHeight="1" x14ac:dyDescent="0.2">
      <c r="A440" s="15" t="s">
        <v>8238</v>
      </c>
      <c r="B440" s="10" t="s">
        <v>1806</v>
      </c>
      <c r="C440" s="16">
        <v>2</v>
      </c>
      <c r="D440" s="16">
        <v>512</v>
      </c>
      <c r="E440" s="16">
        <v>1504</v>
      </c>
      <c r="F440" s="31" t="s">
        <v>1617</v>
      </c>
      <c r="G440" s="32" t="s">
        <v>6690</v>
      </c>
      <c r="H440" s="31" t="s">
        <v>446</v>
      </c>
      <c r="I440" s="31" t="s">
        <v>4524</v>
      </c>
      <c r="J440" s="19"/>
      <c r="K440" s="19"/>
      <c r="L440" s="31" t="s">
        <v>2280</v>
      </c>
      <c r="M440" s="16" t="s">
        <v>3528</v>
      </c>
      <c r="N440" s="16" t="s">
        <v>9872</v>
      </c>
      <c r="O440" s="21">
        <v>1985</v>
      </c>
      <c r="P440" s="19">
        <v>1</v>
      </c>
      <c r="Q440" s="22"/>
      <c r="R440" s="23">
        <v>45065</v>
      </c>
    </row>
    <row r="441" spans="1:18" ht="14.4" customHeight="1" x14ac:dyDescent="0.2">
      <c r="A441" s="15" t="s">
        <v>8239</v>
      </c>
      <c r="B441" s="10" t="s">
        <v>1806</v>
      </c>
      <c r="C441" s="16">
        <v>2</v>
      </c>
      <c r="D441" s="16">
        <v>512</v>
      </c>
      <c r="E441" s="16">
        <v>1504</v>
      </c>
      <c r="F441" s="31" t="s">
        <v>1618</v>
      </c>
      <c r="G441" s="32" t="s">
        <v>6691</v>
      </c>
      <c r="H441" s="31" t="s">
        <v>440</v>
      </c>
      <c r="I441" s="31" t="s">
        <v>4525</v>
      </c>
      <c r="J441" s="19"/>
      <c r="K441" s="19"/>
      <c r="L441" s="31" t="s">
        <v>2281</v>
      </c>
      <c r="M441" s="16" t="s">
        <v>3529</v>
      </c>
      <c r="N441" s="16" t="s">
        <v>9873</v>
      </c>
      <c r="O441" s="21">
        <v>1986</v>
      </c>
      <c r="P441" s="19">
        <v>1</v>
      </c>
      <c r="Q441" s="22"/>
      <c r="R441" s="23">
        <v>45065</v>
      </c>
    </row>
    <row r="442" spans="1:18" ht="14.4" customHeight="1" x14ac:dyDescent="0.2">
      <c r="A442" s="15" t="s">
        <v>8240</v>
      </c>
      <c r="B442" s="10" t="s">
        <v>1806</v>
      </c>
      <c r="C442" s="16">
        <v>2</v>
      </c>
      <c r="D442" s="16">
        <v>512</v>
      </c>
      <c r="E442" s="16">
        <v>1504</v>
      </c>
      <c r="F442" s="31" t="s">
        <v>1619</v>
      </c>
      <c r="G442" s="32" t="s">
        <v>6692</v>
      </c>
      <c r="H442" s="31" t="s">
        <v>1620</v>
      </c>
      <c r="I442" s="31" t="s">
        <v>4526</v>
      </c>
      <c r="J442" s="19"/>
      <c r="K442" s="19"/>
      <c r="L442" s="31" t="s">
        <v>2282</v>
      </c>
      <c r="M442" s="16" t="s">
        <v>3530</v>
      </c>
      <c r="N442" s="16" t="s">
        <v>9874</v>
      </c>
      <c r="O442" s="21">
        <v>2011</v>
      </c>
      <c r="P442" s="19">
        <v>1</v>
      </c>
      <c r="Q442" s="22"/>
      <c r="R442" s="23">
        <v>45065</v>
      </c>
    </row>
    <row r="443" spans="1:18" ht="14.4" customHeight="1" x14ac:dyDescent="0.2">
      <c r="A443" s="15" t="s">
        <v>8241</v>
      </c>
      <c r="B443" s="10" t="s">
        <v>1806</v>
      </c>
      <c r="C443" s="16">
        <v>2</v>
      </c>
      <c r="D443" s="16">
        <v>512</v>
      </c>
      <c r="E443" s="16">
        <v>1504</v>
      </c>
      <c r="F443" s="31" t="s">
        <v>1621</v>
      </c>
      <c r="G443" s="32" t="s">
        <v>6693</v>
      </c>
      <c r="H443" s="31" t="s">
        <v>468</v>
      </c>
      <c r="I443" s="31" t="s">
        <v>4527</v>
      </c>
      <c r="J443" s="19"/>
      <c r="K443" s="19"/>
      <c r="L443" s="31" t="s">
        <v>2283</v>
      </c>
      <c r="M443" s="16" t="s">
        <v>3531</v>
      </c>
      <c r="N443" s="16" t="s">
        <v>9875</v>
      </c>
      <c r="O443" s="21">
        <v>1947</v>
      </c>
      <c r="P443" s="19">
        <v>1</v>
      </c>
      <c r="Q443" s="22"/>
      <c r="R443" s="23">
        <v>45065</v>
      </c>
    </row>
    <row r="444" spans="1:18" ht="14.4" customHeight="1" x14ac:dyDescent="0.2">
      <c r="A444" s="15" t="s">
        <v>8242</v>
      </c>
      <c r="B444" s="10" t="s">
        <v>1806</v>
      </c>
      <c r="C444" s="16">
        <v>2</v>
      </c>
      <c r="D444" s="16">
        <v>512</v>
      </c>
      <c r="E444" s="16">
        <v>1504</v>
      </c>
      <c r="F444" s="31" t="s">
        <v>1622</v>
      </c>
      <c r="G444" s="32" t="s">
        <v>6694</v>
      </c>
      <c r="H444" s="31" t="s">
        <v>1623</v>
      </c>
      <c r="I444" s="31" t="s">
        <v>4528</v>
      </c>
      <c r="J444" s="19"/>
      <c r="K444" s="19"/>
      <c r="L444" s="31" t="s">
        <v>2284</v>
      </c>
      <c r="M444" s="16" t="s">
        <v>3532</v>
      </c>
      <c r="N444" s="16" t="s">
        <v>9876</v>
      </c>
      <c r="O444" s="21">
        <v>1947</v>
      </c>
      <c r="P444" s="19">
        <v>1</v>
      </c>
      <c r="Q444" s="22"/>
      <c r="R444" s="23">
        <v>45065</v>
      </c>
    </row>
    <row r="445" spans="1:18" ht="14.4" customHeight="1" x14ac:dyDescent="0.2">
      <c r="A445" s="15" t="s">
        <v>8243</v>
      </c>
      <c r="B445" s="10" t="s">
        <v>1806</v>
      </c>
      <c r="C445" s="16">
        <v>2</v>
      </c>
      <c r="D445" s="16">
        <v>512</v>
      </c>
      <c r="E445" s="16">
        <v>1504</v>
      </c>
      <c r="F445" s="31" t="s">
        <v>1624</v>
      </c>
      <c r="G445" s="32" t="s">
        <v>6695</v>
      </c>
      <c r="H445" s="31" t="s">
        <v>491</v>
      </c>
      <c r="I445" s="31" t="s">
        <v>4529</v>
      </c>
      <c r="J445" s="19"/>
      <c r="K445" s="19"/>
      <c r="L445" s="31" t="s">
        <v>2285</v>
      </c>
      <c r="M445" s="16" t="s">
        <v>3533</v>
      </c>
      <c r="N445" s="16" t="s">
        <v>9877</v>
      </c>
      <c r="O445" s="21">
        <v>1980</v>
      </c>
      <c r="P445" s="19">
        <v>1</v>
      </c>
      <c r="Q445" s="22"/>
      <c r="R445" s="23">
        <v>45065</v>
      </c>
    </row>
    <row r="446" spans="1:18" ht="14.4" customHeight="1" x14ac:dyDescent="0.2">
      <c r="A446" s="15" t="s">
        <v>8244</v>
      </c>
      <c r="B446" s="10" t="s">
        <v>1806</v>
      </c>
      <c r="C446" s="16">
        <v>2</v>
      </c>
      <c r="D446" s="16">
        <v>512</v>
      </c>
      <c r="E446" s="16">
        <v>1504</v>
      </c>
      <c r="F446" s="31" t="s">
        <v>1625</v>
      </c>
      <c r="G446" s="32" t="s">
        <v>6696</v>
      </c>
      <c r="H446" s="31" t="s">
        <v>487</v>
      </c>
      <c r="I446" s="31" t="s">
        <v>4530</v>
      </c>
      <c r="J446" s="19"/>
      <c r="K446" s="19"/>
      <c r="L446" s="31" t="s">
        <v>2286</v>
      </c>
      <c r="M446" s="16" t="s">
        <v>3534</v>
      </c>
      <c r="N446" s="16" t="s">
        <v>9878</v>
      </c>
      <c r="O446" s="21">
        <v>1981</v>
      </c>
      <c r="P446" s="19">
        <v>1</v>
      </c>
      <c r="Q446" s="22"/>
      <c r="R446" s="23">
        <v>45065</v>
      </c>
    </row>
    <row r="447" spans="1:18" ht="14.4" customHeight="1" x14ac:dyDescent="0.2">
      <c r="A447" s="15" t="s">
        <v>8245</v>
      </c>
      <c r="B447" s="10" t="s">
        <v>1806</v>
      </c>
      <c r="C447" s="16">
        <v>2</v>
      </c>
      <c r="D447" s="16">
        <v>512</v>
      </c>
      <c r="E447" s="16">
        <v>1504</v>
      </c>
      <c r="F447" s="31" t="s">
        <v>1626</v>
      </c>
      <c r="G447" s="32" t="s">
        <v>6697</v>
      </c>
      <c r="H447" s="31" t="s">
        <v>485</v>
      </c>
      <c r="I447" s="31" t="s">
        <v>4531</v>
      </c>
      <c r="J447" s="19"/>
      <c r="K447" s="19"/>
      <c r="L447" s="31" t="s">
        <v>2287</v>
      </c>
      <c r="M447" s="16" t="s">
        <v>3535</v>
      </c>
      <c r="N447" s="16" t="s">
        <v>9879</v>
      </c>
      <c r="O447" s="21">
        <v>1983</v>
      </c>
      <c r="P447" s="19">
        <v>1</v>
      </c>
      <c r="Q447" s="22"/>
      <c r="R447" s="23">
        <v>45065</v>
      </c>
    </row>
    <row r="448" spans="1:18" ht="14.4" customHeight="1" x14ac:dyDescent="0.2">
      <c r="A448" s="15" t="s">
        <v>8246</v>
      </c>
      <c r="B448" s="10" t="s">
        <v>1806</v>
      </c>
      <c r="C448" s="16">
        <v>2</v>
      </c>
      <c r="D448" s="16">
        <v>512</v>
      </c>
      <c r="E448" s="16">
        <v>1504</v>
      </c>
      <c r="F448" s="31" t="s">
        <v>1627</v>
      </c>
      <c r="G448" s="32" t="s">
        <v>6698</v>
      </c>
      <c r="H448" s="31" t="s">
        <v>489</v>
      </c>
      <c r="I448" s="31" t="s">
        <v>4532</v>
      </c>
      <c r="J448" s="19"/>
      <c r="K448" s="19"/>
      <c r="L448" s="31" t="s">
        <v>2288</v>
      </c>
      <c r="M448" s="16" t="s">
        <v>3536</v>
      </c>
      <c r="N448" s="16" t="s">
        <v>9880</v>
      </c>
      <c r="O448" s="21">
        <v>1990</v>
      </c>
      <c r="P448" s="19">
        <v>1</v>
      </c>
      <c r="Q448" s="22"/>
      <c r="R448" s="23">
        <v>45065</v>
      </c>
    </row>
    <row r="449" spans="1:18" ht="14.4" customHeight="1" x14ac:dyDescent="0.2">
      <c r="A449" s="15" t="s">
        <v>8247</v>
      </c>
      <c r="B449" s="10" t="s">
        <v>1806</v>
      </c>
      <c r="C449" s="16">
        <v>2</v>
      </c>
      <c r="D449" s="16">
        <v>512</v>
      </c>
      <c r="E449" s="16">
        <v>1504</v>
      </c>
      <c r="F449" s="31" t="s">
        <v>1628</v>
      </c>
      <c r="G449" s="32" t="s">
        <v>6699</v>
      </c>
      <c r="H449" s="31" t="s">
        <v>476</v>
      </c>
      <c r="I449" s="31" t="s">
        <v>4533</v>
      </c>
      <c r="J449" s="19"/>
      <c r="K449" s="19"/>
      <c r="L449" s="31" t="s">
        <v>2289</v>
      </c>
      <c r="M449" s="16" t="s">
        <v>3537</v>
      </c>
      <c r="N449" s="16" t="s">
        <v>9881</v>
      </c>
      <c r="O449" s="21">
        <v>2005</v>
      </c>
      <c r="P449" s="19">
        <v>1</v>
      </c>
      <c r="Q449" s="22"/>
      <c r="R449" s="23">
        <v>45065</v>
      </c>
    </row>
    <row r="450" spans="1:18" ht="14.4" customHeight="1" x14ac:dyDescent="0.2">
      <c r="A450" s="15" t="s">
        <v>8248</v>
      </c>
      <c r="B450" s="10" t="s">
        <v>1806</v>
      </c>
      <c r="C450" s="16">
        <v>2</v>
      </c>
      <c r="D450" s="16">
        <v>512</v>
      </c>
      <c r="E450" s="16">
        <v>1504</v>
      </c>
      <c r="F450" s="31" t="s">
        <v>1629</v>
      </c>
      <c r="G450" s="32" t="s">
        <v>6700</v>
      </c>
      <c r="H450" s="31" t="s">
        <v>1630</v>
      </c>
      <c r="I450" s="31" t="s">
        <v>4534</v>
      </c>
      <c r="J450" s="19"/>
      <c r="K450" s="19"/>
      <c r="L450" s="31" t="s">
        <v>2290</v>
      </c>
      <c r="M450" s="16" t="s">
        <v>3538</v>
      </c>
      <c r="N450" s="16" t="s">
        <v>9882</v>
      </c>
      <c r="O450" s="21">
        <v>2010</v>
      </c>
      <c r="P450" s="19">
        <v>1</v>
      </c>
      <c r="Q450" s="22"/>
      <c r="R450" s="23">
        <v>45065</v>
      </c>
    </row>
    <row r="451" spans="1:18" ht="14.4" customHeight="1" x14ac:dyDescent="0.2">
      <c r="A451" s="15" t="s">
        <v>8249</v>
      </c>
      <c r="B451" s="10" t="s">
        <v>1806</v>
      </c>
      <c r="C451" s="16">
        <v>2</v>
      </c>
      <c r="D451" s="16">
        <v>512</v>
      </c>
      <c r="E451" s="16">
        <v>1504</v>
      </c>
      <c r="F451" s="31" t="s">
        <v>1631</v>
      </c>
      <c r="G451" s="32" t="s">
        <v>6701</v>
      </c>
      <c r="H451" s="31" t="s">
        <v>510</v>
      </c>
      <c r="I451" s="31" t="s">
        <v>4535</v>
      </c>
      <c r="J451" s="19"/>
      <c r="K451" s="19"/>
      <c r="L451" s="31" t="s">
        <v>2291</v>
      </c>
      <c r="M451" s="16" t="s">
        <v>3539</v>
      </c>
      <c r="N451" s="16" t="s">
        <v>9883</v>
      </c>
      <c r="O451" s="21">
        <v>1947</v>
      </c>
      <c r="P451" s="19">
        <v>1</v>
      </c>
      <c r="Q451" s="22"/>
      <c r="R451" s="23">
        <v>45065</v>
      </c>
    </row>
    <row r="452" spans="1:18" ht="14.4" customHeight="1" x14ac:dyDescent="0.2">
      <c r="A452" s="15" t="s">
        <v>8250</v>
      </c>
      <c r="B452" s="10" t="s">
        <v>1806</v>
      </c>
      <c r="C452" s="16">
        <v>2</v>
      </c>
      <c r="D452" s="16">
        <v>512</v>
      </c>
      <c r="E452" s="16">
        <v>1504</v>
      </c>
      <c r="F452" s="31" t="s">
        <v>1632</v>
      </c>
      <c r="G452" s="32" t="s">
        <v>6702</v>
      </c>
      <c r="H452" s="31" t="s">
        <v>506</v>
      </c>
      <c r="I452" s="31" t="s">
        <v>4536</v>
      </c>
      <c r="J452" s="19"/>
      <c r="K452" s="19"/>
      <c r="L452" s="31" t="s">
        <v>2292</v>
      </c>
      <c r="M452" s="16" t="s">
        <v>3540</v>
      </c>
      <c r="N452" s="16" t="s">
        <v>9884</v>
      </c>
      <c r="O452" s="21">
        <v>1947</v>
      </c>
      <c r="P452" s="19">
        <v>1</v>
      </c>
      <c r="Q452" s="22"/>
      <c r="R452" s="23">
        <v>45065</v>
      </c>
    </row>
    <row r="453" spans="1:18" ht="14.4" customHeight="1" x14ac:dyDescent="0.2">
      <c r="A453" s="15" t="s">
        <v>8251</v>
      </c>
      <c r="B453" s="10" t="s">
        <v>1806</v>
      </c>
      <c r="C453" s="16">
        <v>2</v>
      </c>
      <c r="D453" s="16">
        <v>512</v>
      </c>
      <c r="E453" s="16">
        <v>1504</v>
      </c>
      <c r="F453" s="31" t="s">
        <v>1633</v>
      </c>
      <c r="G453" s="32" t="s">
        <v>6703</v>
      </c>
      <c r="H453" s="31" t="s">
        <v>547</v>
      </c>
      <c r="I453" s="31" t="s">
        <v>4537</v>
      </c>
      <c r="J453" s="19"/>
      <c r="K453" s="19"/>
      <c r="L453" s="31" t="s">
        <v>2293</v>
      </c>
      <c r="M453" s="16" t="s">
        <v>3541</v>
      </c>
      <c r="N453" s="16" t="s">
        <v>9885</v>
      </c>
      <c r="O453" s="21">
        <v>1962</v>
      </c>
      <c r="P453" s="19">
        <v>1</v>
      </c>
      <c r="Q453" s="22"/>
      <c r="R453" s="23">
        <v>45065</v>
      </c>
    </row>
    <row r="454" spans="1:18" ht="14.4" customHeight="1" x14ac:dyDescent="0.2">
      <c r="A454" s="15" t="s">
        <v>8252</v>
      </c>
      <c r="B454" s="10" t="s">
        <v>1806</v>
      </c>
      <c r="C454" s="16">
        <v>2</v>
      </c>
      <c r="D454" s="16">
        <v>512</v>
      </c>
      <c r="E454" s="16">
        <v>1504</v>
      </c>
      <c r="F454" s="31" t="s">
        <v>1634</v>
      </c>
      <c r="G454" s="32" t="s">
        <v>6704</v>
      </c>
      <c r="H454" s="31" t="s">
        <v>516</v>
      </c>
      <c r="I454" s="31" t="s">
        <v>4538</v>
      </c>
      <c r="J454" s="19"/>
      <c r="K454" s="19"/>
      <c r="L454" s="31" t="s">
        <v>2294</v>
      </c>
      <c r="M454" s="16" t="s">
        <v>3542</v>
      </c>
      <c r="N454" s="16" t="s">
        <v>9886</v>
      </c>
      <c r="O454" s="21">
        <v>1968</v>
      </c>
      <c r="P454" s="19">
        <v>1</v>
      </c>
      <c r="Q454" s="22"/>
      <c r="R454" s="23">
        <v>45065</v>
      </c>
    </row>
    <row r="455" spans="1:18" ht="14.4" customHeight="1" x14ac:dyDescent="0.2">
      <c r="A455" s="15" t="s">
        <v>8253</v>
      </c>
      <c r="B455" s="10" t="s">
        <v>1806</v>
      </c>
      <c r="C455" s="16">
        <v>2</v>
      </c>
      <c r="D455" s="16">
        <v>512</v>
      </c>
      <c r="E455" s="16">
        <v>1504</v>
      </c>
      <c r="F455" s="31" t="s">
        <v>1635</v>
      </c>
      <c r="G455" s="32" t="s">
        <v>6705</v>
      </c>
      <c r="H455" s="31" t="s">
        <v>1636</v>
      </c>
      <c r="I455" s="31" t="s">
        <v>4539</v>
      </c>
      <c r="J455" s="19"/>
      <c r="K455" s="19"/>
      <c r="L455" s="31" t="s">
        <v>2295</v>
      </c>
      <c r="M455" s="16" t="s">
        <v>3543</v>
      </c>
      <c r="N455" s="16" t="s">
        <v>9887</v>
      </c>
      <c r="O455" s="21">
        <v>1971</v>
      </c>
      <c r="P455" s="19">
        <v>1</v>
      </c>
      <c r="Q455" s="22"/>
      <c r="R455" s="23">
        <v>45065</v>
      </c>
    </row>
    <row r="456" spans="1:18" ht="14.4" customHeight="1" x14ac:dyDescent="0.2">
      <c r="A456" s="15" t="s">
        <v>8254</v>
      </c>
      <c r="B456" s="10" t="s">
        <v>1806</v>
      </c>
      <c r="C456" s="16">
        <v>2</v>
      </c>
      <c r="D456" s="16">
        <v>512</v>
      </c>
      <c r="E456" s="16">
        <v>1504</v>
      </c>
      <c r="F456" s="31" t="s">
        <v>1637</v>
      </c>
      <c r="G456" s="32" t="s">
        <v>6706</v>
      </c>
      <c r="H456" s="31" t="s">
        <v>1638</v>
      </c>
      <c r="I456" s="31" t="s">
        <v>4540</v>
      </c>
      <c r="J456" s="19"/>
      <c r="K456" s="19"/>
      <c r="L456" s="31" t="s">
        <v>2296</v>
      </c>
      <c r="M456" s="16" t="s">
        <v>3544</v>
      </c>
      <c r="N456" s="16" t="s">
        <v>9888</v>
      </c>
      <c r="O456" s="21">
        <v>1977</v>
      </c>
      <c r="P456" s="19">
        <v>1</v>
      </c>
      <c r="Q456" s="22"/>
      <c r="R456" s="23">
        <v>45065</v>
      </c>
    </row>
    <row r="457" spans="1:18" ht="14.4" customHeight="1" x14ac:dyDescent="0.2">
      <c r="A457" s="15" t="s">
        <v>8255</v>
      </c>
      <c r="B457" s="10" t="s">
        <v>1806</v>
      </c>
      <c r="C457" s="16">
        <v>2</v>
      </c>
      <c r="D457" s="16">
        <v>512</v>
      </c>
      <c r="E457" s="16">
        <v>1504</v>
      </c>
      <c r="F457" s="31" t="s">
        <v>1639</v>
      </c>
      <c r="G457" s="32" t="s">
        <v>6707</v>
      </c>
      <c r="H457" s="31" t="s">
        <v>533</v>
      </c>
      <c r="I457" s="31" t="s">
        <v>4541</v>
      </c>
      <c r="J457" s="19"/>
      <c r="K457" s="19"/>
      <c r="L457" s="31" t="s">
        <v>2297</v>
      </c>
      <c r="M457" s="16" t="s">
        <v>3545</v>
      </c>
      <c r="N457" s="16" t="s">
        <v>9889</v>
      </c>
      <c r="O457" s="21">
        <v>1980</v>
      </c>
      <c r="P457" s="19">
        <v>1</v>
      </c>
      <c r="Q457" s="22"/>
      <c r="R457" s="23">
        <v>45065</v>
      </c>
    </row>
    <row r="458" spans="1:18" ht="14.4" customHeight="1" x14ac:dyDescent="0.2">
      <c r="A458" s="15" t="s">
        <v>8256</v>
      </c>
      <c r="B458" s="10" t="s">
        <v>1806</v>
      </c>
      <c r="C458" s="16">
        <v>2</v>
      </c>
      <c r="D458" s="16">
        <v>512</v>
      </c>
      <c r="E458" s="16">
        <v>1504</v>
      </c>
      <c r="F458" s="31" t="s">
        <v>1640</v>
      </c>
      <c r="G458" s="32" t="s">
        <v>6708</v>
      </c>
      <c r="H458" s="31" t="s">
        <v>529</v>
      </c>
      <c r="I458" s="31" t="s">
        <v>4542</v>
      </c>
      <c r="J458" s="19"/>
      <c r="K458" s="19"/>
      <c r="L458" s="31" t="s">
        <v>2298</v>
      </c>
      <c r="M458" s="16" t="s">
        <v>3546</v>
      </c>
      <c r="N458" s="16" t="s">
        <v>9890</v>
      </c>
      <c r="O458" s="21">
        <v>1980</v>
      </c>
      <c r="P458" s="19">
        <v>1</v>
      </c>
      <c r="Q458" s="22"/>
      <c r="R458" s="23">
        <v>45065</v>
      </c>
    </row>
    <row r="459" spans="1:18" ht="14.4" customHeight="1" x14ac:dyDescent="0.2">
      <c r="A459" s="15" t="s">
        <v>8257</v>
      </c>
      <c r="B459" s="10" t="s">
        <v>1806</v>
      </c>
      <c r="C459" s="16">
        <v>2</v>
      </c>
      <c r="D459" s="16">
        <v>512</v>
      </c>
      <c r="E459" s="16">
        <v>1504</v>
      </c>
      <c r="F459" s="31" t="s">
        <v>1641</v>
      </c>
      <c r="G459" s="32" t="s">
        <v>6709</v>
      </c>
      <c r="H459" s="31" t="s">
        <v>508</v>
      </c>
      <c r="I459" s="31" t="s">
        <v>4543</v>
      </c>
      <c r="J459" s="19"/>
      <c r="K459" s="19"/>
      <c r="L459" s="31" t="s">
        <v>2299</v>
      </c>
      <c r="M459" s="16" t="s">
        <v>3547</v>
      </c>
      <c r="N459" s="16" t="s">
        <v>9891</v>
      </c>
      <c r="O459" s="21">
        <v>1985</v>
      </c>
      <c r="P459" s="19">
        <v>1</v>
      </c>
      <c r="Q459" s="22"/>
      <c r="R459" s="23">
        <v>45065</v>
      </c>
    </row>
    <row r="460" spans="1:18" ht="14.4" customHeight="1" x14ac:dyDescent="0.2">
      <c r="A460" s="15" t="s">
        <v>8258</v>
      </c>
      <c r="B460" s="10" t="s">
        <v>1806</v>
      </c>
      <c r="C460" s="16">
        <v>2</v>
      </c>
      <c r="D460" s="16">
        <v>512</v>
      </c>
      <c r="E460" s="16">
        <v>1504</v>
      </c>
      <c r="F460" s="31" t="s">
        <v>1642</v>
      </c>
      <c r="G460" s="32" t="s">
        <v>6710</v>
      </c>
      <c r="H460" s="31" t="s">
        <v>527</v>
      </c>
      <c r="I460" s="31" t="s">
        <v>4544</v>
      </c>
      <c r="J460" s="19"/>
      <c r="K460" s="19"/>
      <c r="L460" s="31" t="s">
        <v>2300</v>
      </c>
      <c r="M460" s="16" t="s">
        <v>3548</v>
      </c>
      <c r="N460" s="16" t="s">
        <v>9892</v>
      </c>
      <c r="O460" s="21">
        <v>1986</v>
      </c>
      <c r="P460" s="19">
        <v>1</v>
      </c>
      <c r="Q460" s="22"/>
      <c r="R460" s="23">
        <v>45065</v>
      </c>
    </row>
    <row r="461" spans="1:18" ht="14.4" customHeight="1" x14ac:dyDescent="0.2">
      <c r="A461" s="15" t="s">
        <v>8259</v>
      </c>
      <c r="B461" s="10" t="s">
        <v>1806</v>
      </c>
      <c r="C461" s="16">
        <v>2</v>
      </c>
      <c r="D461" s="16">
        <v>512</v>
      </c>
      <c r="E461" s="16">
        <v>1504</v>
      </c>
      <c r="F461" s="31" t="s">
        <v>1643</v>
      </c>
      <c r="G461" s="32" t="s">
        <v>6711</v>
      </c>
      <c r="H461" s="31" t="s">
        <v>506</v>
      </c>
      <c r="I461" s="31" t="s">
        <v>4545</v>
      </c>
      <c r="J461" s="19"/>
      <c r="K461" s="19"/>
      <c r="L461" s="31" t="s">
        <v>2301</v>
      </c>
      <c r="M461" s="16" t="s">
        <v>3549</v>
      </c>
      <c r="N461" s="16" t="s">
        <v>9893</v>
      </c>
      <c r="O461" s="21">
        <v>1986</v>
      </c>
      <c r="P461" s="19">
        <v>1</v>
      </c>
      <c r="Q461" s="22"/>
      <c r="R461" s="23">
        <v>45065</v>
      </c>
    </row>
    <row r="462" spans="1:18" ht="14.4" customHeight="1" x14ac:dyDescent="0.2">
      <c r="A462" s="15" t="s">
        <v>8260</v>
      </c>
      <c r="B462" s="10" t="s">
        <v>1806</v>
      </c>
      <c r="C462" s="16">
        <v>2</v>
      </c>
      <c r="D462" s="16">
        <v>512</v>
      </c>
      <c r="E462" s="16">
        <v>1504</v>
      </c>
      <c r="F462" s="31" t="s">
        <v>1644</v>
      </c>
      <c r="G462" s="32" t="s">
        <v>6712</v>
      </c>
      <c r="H462" s="31" t="s">
        <v>1645</v>
      </c>
      <c r="I462" s="31" t="s">
        <v>4546</v>
      </c>
      <c r="J462" s="19"/>
      <c r="K462" s="19"/>
      <c r="L462" s="31" t="s">
        <v>2302</v>
      </c>
      <c r="M462" s="16" t="s">
        <v>3550</v>
      </c>
      <c r="N462" s="16" t="s">
        <v>9894</v>
      </c>
      <c r="O462" s="21">
        <v>1947</v>
      </c>
      <c r="P462" s="19">
        <v>1</v>
      </c>
      <c r="Q462" s="22"/>
      <c r="R462" s="23">
        <v>45065</v>
      </c>
    </row>
    <row r="463" spans="1:18" ht="14.4" customHeight="1" x14ac:dyDescent="0.2">
      <c r="A463" s="15" t="s">
        <v>8261</v>
      </c>
      <c r="B463" s="10" t="s">
        <v>1806</v>
      </c>
      <c r="C463" s="16">
        <v>2</v>
      </c>
      <c r="D463" s="16">
        <v>512</v>
      </c>
      <c r="E463" s="16">
        <v>1504</v>
      </c>
      <c r="F463" s="31" t="s">
        <v>1646</v>
      </c>
      <c r="G463" s="32" t="s">
        <v>6713</v>
      </c>
      <c r="H463" s="31" t="s">
        <v>567</v>
      </c>
      <c r="I463" s="31" t="s">
        <v>4547</v>
      </c>
      <c r="J463" s="19"/>
      <c r="K463" s="19"/>
      <c r="L463" s="31" t="s">
        <v>2303</v>
      </c>
      <c r="M463" s="16" t="s">
        <v>3551</v>
      </c>
      <c r="N463" s="16" t="s">
        <v>9895</v>
      </c>
      <c r="O463" s="21">
        <v>2015</v>
      </c>
      <c r="P463" s="19">
        <v>1</v>
      </c>
      <c r="Q463" s="22"/>
      <c r="R463" s="23">
        <v>45065</v>
      </c>
    </row>
    <row r="464" spans="1:18" ht="14.4" customHeight="1" x14ac:dyDescent="0.2">
      <c r="A464" s="15" t="s">
        <v>8262</v>
      </c>
      <c r="B464" s="10" t="s">
        <v>1806</v>
      </c>
      <c r="C464" s="16">
        <v>2</v>
      </c>
      <c r="D464" s="16">
        <v>512</v>
      </c>
      <c r="E464" s="16">
        <v>1504</v>
      </c>
      <c r="F464" s="31" t="s">
        <v>1647</v>
      </c>
      <c r="G464" s="32" t="s">
        <v>6714</v>
      </c>
      <c r="H464" s="31" t="s">
        <v>1648</v>
      </c>
      <c r="I464" s="31" t="s">
        <v>4548</v>
      </c>
      <c r="J464" s="19"/>
      <c r="K464" s="19"/>
      <c r="L464" s="31" t="s">
        <v>2304</v>
      </c>
      <c r="M464" s="16" t="s">
        <v>3552</v>
      </c>
      <c r="N464" s="16" t="s">
        <v>9896</v>
      </c>
      <c r="O464" s="21">
        <v>1978</v>
      </c>
      <c r="P464" s="19">
        <v>1</v>
      </c>
      <c r="Q464" s="22"/>
      <c r="R464" s="23">
        <v>45065</v>
      </c>
    </row>
    <row r="465" spans="1:18" ht="14.4" customHeight="1" x14ac:dyDescent="0.2">
      <c r="A465" s="15" t="s">
        <v>8263</v>
      </c>
      <c r="B465" s="10" t="s">
        <v>1806</v>
      </c>
      <c r="C465" s="16">
        <v>2</v>
      </c>
      <c r="D465" s="16">
        <v>512</v>
      </c>
      <c r="E465" s="16">
        <v>1504</v>
      </c>
      <c r="F465" s="31" t="s">
        <v>1649</v>
      </c>
      <c r="G465" s="32" t="s">
        <v>6715</v>
      </c>
      <c r="H465" s="31" t="s">
        <v>557</v>
      </c>
      <c r="I465" s="31" t="s">
        <v>5180</v>
      </c>
      <c r="J465" s="19"/>
      <c r="K465" s="19"/>
      <c r="L465" s="31" t="s">
        <v>2305</v>
      </c>
      <c r="M465" s="16" t="s">
        <v>3553</v>
      </c>
      <c r="N465" s="16" t="s">
        <v>9897</v>
      </c>
      <c r="O465" s="21">
        <v>1980</v>
      </c>
      <c r="P465" s="19">
        <v>1</v>
      </c>
      <c r="Q465" s="22"/>
      <c r="R465" s="23">
        <v>45065</v>
      </c>
    </row>
    <row r="466" spans="1:18" ht="14.4" customHeight="1" x14ac:dyDescent="0.2">
      <c r="A466" s="15" t="s">
        <v>8264</v>
      </c>
      <c r="B466" s="10" t="s">
        <v>1806</v>
      </c>
      <c r="C466" s="16">
        <v>2</v>
      </c>
      <c r="D466" s="16">
        <v>512</v>
      </c>
      <c r="E466" s="16">
        <v>1504</v>
      </c>
      <c r="F466" s="31" t="s">
        <v>1650</v>
      </c>
      <c r="G466" s="32" t="s">
        <v>6716</v>
      </c>
      <c r="H466" s="31" t="s">
        <v>561</v>
      </c>
      <c r="I466" s="31" t="s">
        <v>4549</v>
      </c>
      <c r="J466" s="19"/>
      <c r="K466" s="19"/>
      <c r="L466" s="31" t="s">
        <v>2306</v>
      </c>
      <c r="M466" s="16" t="s">
        <v>3554</v>
      </c>
      <c r="N466" s="16" t="s">
        <v>9898</v>
      </c>
      <c r="O466" s="21">
        <v>1981</v>
      </c>
      <c r="P466" s="19">
        <v>1</v>
      </c>
      <c r="Q466" s="22"/>
      <c r="R466" s="23">
        <v>45065</v>
      </c>
    </row>
    <row r="467" spans="1:18" ht="14.4" customHeight="1" x14ac:dyDescent="0.2">
      <c r="A467" s="15" t="s">
        <v>8265</v>
      </c>
      <c r="B467" s="10" t="s">
        <v>1806</v>
      </c>
      <c r="C467" s="16">
        <v>2</v>
      </c>
      <c r="D467" s="16">
        <v>512</v>
      </c>
      <c r="E467" s="16">
        <v>1504</v>
      </c>
      <c r="F467" s="31" t="s">
        <v>1651</v>
      </c>
      <c r="G467" s="32" t="s">
        <v>6717</v>
      </c>
      <c r="H467" s="31" t="s">
        <v>573</v>
      </c>
      <c r="I467" s="31" t="s">
        <v>4550</v>
      </c>
      <c r="J467" s="19"/>
      <c r="K467" s="19"/>
      <c r="L467" s="31" t="s">
        <v>2307</v>
      </c>
      <c r="M467" s="16" t="s">
        <v>3555</v>
      </c>
      <c r="N467" s="37" t="s">
        <v>9899</v>
      </c>
      <c r="O467" s="21">
        <v>1983</v>
      </c>
      <c r="P467" s="19">
        <v>1</v>
      </c>
      <c r="Q467" s="22"/>
      <c r="R467" s="23">
        <v>45065</v>
      </c>
    </row>
    <row r="468" spans="1:18" ht="14.4" customHeight="1" x14ac:dyDescent="0.2">
      <c r="A468" s="15" t="s">
        <v>8266</v>
      </c>
      <c r="B468" s="10" t="s">
        <v>1806</v>
      </c>
      <c r="C468" s="16">
        <v>2</v>
      </c>
      <c r="D468" s="16">
        <v>512</v>
      </c>
      <c r="E468" s="16">
        <v>1504</v>
      </c>
      <c r="F468" s="31" t="s">
        <v>1652</v>
      </c>
      <c r="G468" s="32" t="s">
        <v>6718</v>
      </c>
      <c r="H468" s="31" t="s">
        <v>581</v>
      </c>
      <c r="I468" s="31" t="s">
        <v>4551</v>
      </c>
      <c r="J468" s="19"/>
      <c r="K468" s="19"/>
      <c r="L468" s="31" t="s">
        <v>2308</v>
      </c>
      <c r="M468" s="16" t="s">
        <v>3556</v>
      </c>
      <c r="N468" s="16" t="s">
        <v>9900</v>
      </c>
      <c r="O468" s="21">
        <v>1947</v>
      </c>
      <c r="P468" s="19">
        <v>1</v>
      </c>
      <c r="Q468" s="22"/>
      <c r="R468" s="23">
        <v>45065</v>
      </c>
    </row>
    <row r="469" spans="1:18" ht="14.4" customHeight="1" x14ac:dyDescent="0.2">
      <c r="A469" s="15" t="s">
        <v>8267</v>
      </c>
      <c r="B469" s="10" t="s">
        <v>1806</v>
      </c>
      <c r="C469" s="16">
        <v>2</v>
      </c>
      <c r="D469" s="16">
        <v>512</v>
      </c>
      <c r="E469" s="16">
        <v>1504</v>
      </c>
      <c r="F469" s="31" t="s">
        <v>1653</v>
      </c>
      <c r="G469" s="32" t="s">
        <v>6719</v>
      </c>
      <c r="H469" s="31" t="s">
        <v>10417</v>
      </c>
      <c r="I469" s="31" t="s">
        <v>4552</v>
      </c>
      <c r="J469" s="19"/>
      <c r="K469" s="19"/>
      <c r="L469" s="31" t="s">
        <v>2309</v>
      </c>
      <c r="M469" s="16" t="s">
        <v>3557</v>
      </c>
      <c r="N469" s="16" t="s">
        <v>9901</v>
      </c>
      <c r="O469" s="21">
        <v>1947</v>
      </c>
      <c r="P469" s="19">
        <v>1</v>
      </c>
      <c r="Q469" s="22"/>
      <c r="R469" s="23">
        <v>45065</v>
      </c>
    </row>
    <row r="470" spans="1:18" ht="14.4" customHeight="1" x14ac:dyDescent="0.2">
      <c r="A470" s="15" t="s">
        <v>8268</v>
      </c>
      <c r="B470" s="10" t="s">
        <v>1806</v>
      </c>
      <c r="C470" s="16">
        <v>2</v>
      </c>
      <c r="D470" s="16">
        <v>512</v>
      </c>
      <c r="E470" s="16">
        <v>1504</v>
      </c>
      <c r="F470" s="31" t="s">
        <v>1654</v>
      </c>
      <c r="G470" s="32" t="s">
        <v>6720</v>
      </c>
      <c r="H470" s="31" t="s">
        <v>10418</v>
      </c>
      <c r="I470" s="31" t="s">
        <v>4553</v>
      </c>
      <c r="J470" s="19"/>
      <c r="K470" s="19"/>
      <c r="L470" s="31" t="s">
        <v>2310</v>
      </c>
      <c r="M470" s="16" t="s">
        <v>3558</v>
      </c>
      <c r="N470" s="16" t="s">
        <v>9902</v>
      </c>
      <c r="O470" s="21">
        <v>1971</v>
      </c>
      <c r="P470" s="19">
        <v>1</v>
      </c>
      <c r="Q470" s="22"/>
      <c r="R470" s="23">
        <v>45065</v>
      </c>
    </row>
    <row r="471" spans="1:18" ht="14.4" customHeight="1" x14ac:dyDescent="0.2">
      <c r="A471" s="15" t="s">
        <v>8269</v>
      </c>
      <c r="B471" s="10" t="s">
        <v>1806</v>
      </c>
      <c r="C471" s="16">
        <v>2</v>
      </c>
      <c r="D471" s="16">
        <v>512</v>
      </c>
      <c r="E471" s="16">
        <v>1504</v>
      </c>
      <c r="F471" s="31" t="s">
        <v>1655</v>
      </c>
      <c r="G471" s="32" t="s">
        <v>6721</v>
      </c>
      <c r="H471" s="31" t="s">
        <v>1656</v>
      </c>
      <c r="I471" s="31" t="s">
        <v>4554</v>
      </c>
      <c r="J471" s="19"/>
      <c r="K471" s="19"/>
      <c r="L471" s="31" t="s">
        <v>2311</v>
      </c>
      <c r="M471" s="16" t="s">
        <v>3559</v>
      </c>
      <c r="N471" s="16" t="s">
        <v>9903</v>
      </c>
      <c r="O471" s="21">
        <v>1973</v>
      </c>
      <c r="P471" s="19">
        <v>1</v>
      </c>
      <c r="Q471" s="22"/>
      <c r="R471" s="23">
        <v>45065</v>
      </c>
    </row>
    <row r="472" spans="1:18" ht="14.4" customHeight="1" x14ac:dyDescent="0.2">
      <c r="A472" s="15" t="s">
        <v>8270</v>
      </c>
      <c r="B472" s="10" t="s">
        <v>1806</v>
      </c>
      <c r="C472" s="16">
        <v>2</v>
      </c>
      <c r="D472" s="16">
        <v>512</v>
      </c>
      <c r="E472" s="16">
        <v>1504</v>
      </c>
      <c r="F472" s="31" t="s">
        <v>1657</v>
      </c>
      <c r="G472" s="32" t="s">
        <v>6722</v>
      </c>
      <c r="H472" s="31" t="s">
        <v>586</v>
      </c>
      <c r="I472" s="31" t="s">
        <v>4555</v>
      </c>
      <c r="J472" s="19"/>
      <c r="K472" s="19"/>
      <c r="L472" s="31" t="s">
        <v>2312</v>
      </c>
      <c r="M472" s="16" t="s">
        <v>3560</v>
      </c>
      <c r="N472" s="16" t="s">
        <v>9904</v>
      </c>
      <c r="O472" s="21">
        <v>1978</v>
      </c>
      <c r="P472" s="19">
        <v>1</v>
      </c>
      <c r="Q472" s="22"/>
      <c r="R472" s="23">
        <v>45065</v>
      </c>
    </row>
    <row r="473" spans="1:18" s="33" customFormat="1" ht="14.4" customHeight="1" x14ac:dyDescent="0.2">
      <c r="A473" s="15" t="s">
        <v>8271</v>
      </c>
      <c r="B473" s="10" t="s">
        <v>1806</v>
      </c>
      <c r="C473" s="16">
        <v>2</v>
      </c>
      <c r="D473" s="16">
        <v>512</v>
      </c>
      <c r="E473" s="16">
        <v>1504</v>
      </c>
      <c r="F473" s="31" t="s">
        <v>1658</v>
      </c>
      <c r="G473" s="32" t="s">
        <v>6723</v>
      </c>
      <c r="H473" s="31" t="s">
        <v>579</v>
      </c>
      <c r="I473" s="31" t="s">
        <v>4556</v>
      </c>
      <c r="J473" s="19"/>
      <c r="K473" s="19"/>
      <c r="L473" s="31" t="s">
        <v>2313</v>
      </c>
      <c r="M473" s="16" t="s">
        <v>3561</v>
      </c>
      <c r="N473" s="16" t="s">
        <v>9905</v>
      </c>
      <c r="O473" s="21">
        <v>1982</v>
      </c>
      <c r="P473" s="19">
        <v>1</v>
      </c>
      <c r="Q473" s="22"/>
      <c r="R473" s="23">
        <v>45065</v>
      </c>
    </row>
    <row r="474" spans="1:18" s="33" customFormat="1" ht="14.4" customHeight="1" x14ac:dyDescent="0.2">
      <c r="A474" s="15" t="s">
        <v>8272</v>
      </c>
      <c r="B474" s="10" t="s">
        <v>1806</v>
      </c>
      <c r="C474" s="16">
        <v>2</v>
      </c>
      <c r="D474" s="16">
        <v>512</v>
      </c>
      <c r="E474" s="16">
        <v>1504</v>
      </c>
      <c r="F474" s="31" t="s">
        <v>1659</v>
      </c>
      <c r="G474" s="32" t="s">
        <v>6724</v>
      </c>
      <c r="H474" s="31" t="s">
        <v>1660</v>
      </c>
      <c r="I474" s="31" t="s">
        <v>4557</v>
      </c>
      <c r="J474" s="19"/>
      <c r="K474" s="19"/>
      <c r="L474" s="31" t="s">
        <v>2314</v>
      </c>
      <c r="M474" s="16" t="s">
        <v>3562</v>
      </c>
      <c r="N474" s="16" t="s">
        <v>9906</v>
      </c>
      <c r="O474" s="21">
        <v>1986</v>
      </c>
      <c r="P474" s="19">
        <v>1</v>
      </c>
      <c r="Q474" s="22"/>
      <c r="R474" s="23">
        <v>45065</v>
      </c>
    </row>
    <row r="475" spans="1:18" s="33" customFormat="1" ht="14.4" customHeight="1" x14ac:dyDescent="0.2">
      <c r="A475" s="15" t="s">
        <v>8273</v>
      </c>
      <c r="B475" s="10" t="s">
        <v>1806</v>
      </c>
      <c r="C475" s="16">
        <v>2</v>
      </c>
      <c r="D475" s="16">
        <v>512</v>
      </c>
      <c r="E475" s="16">
        <v>1504</v>
      </c>
      <c r="F475" s="31" t="s">
        <v>1661</v>
      </c>
      <c r="G475" s="32" t="s">
        <v>6725</v>
      </c>
      <c r="H475" s="31" t="s">
        <v>1662</v>
      </c>
      <c r="I475" s="31" t="s">
        <v>4558</v>
      </c>
      <c r="J475" s="19"/>
      <c r="K475" s="19"/>
      <c r="L475" s="31" t="s">
        <v>2315</v>
      </c>
      <c r="M475" s="16" t="s">
        <v>3563</v>
      </c>
      <c r="N475" s="16" t="s">
        <v>9907</v>
      </c>
      <c r="O475" s="21">
        <v>1947</v>
      </c>
      <c r="P475" s="19">
        <v>1</v>
      </c>
      <c r="Q475" s="22"/>
      <c r="R475" s="23">
        <v>45065</v>
      </c>
    </row>
    <row r="476" spans="1:18" s="33" customFormat="1" ht="14.4" customHeight="1" x14ac:dyDescent="0.2">
      <c r="A476" s="15" t="s">
        <v>8274</v>
      </c>
      <c r="B476" s="10" t="s">
        <v>1806</v>
      </c>
      <c r="C476" s="16">
        <v>2</v>
      </c>
      <c r="D476" s="16">
        <v>512</v>
      </c>
      <c r="E476" s="16">
        <v>1504</v>
      </c>
      <c r="F476" s="31" t="s">
        <v>1663</v>
      </c>
      <c r="G476" s="32" t="s">
        <v>6726</v>
      </c>
      <c r="H476" s="31" t="s">
        <v>1664</v>
      </c>
      <c r="I476" s="31" t="s">
        <v>4559</v>
      </c>
      <c r="J476" s="19"/>
      <c r="K476" s="19"/>
      <c r="L476" s="31" t="s">
        <v>2316</v>
      </c>
      <c r="M476" s="16" t="s">
        <v>3564</v>
      </c>
      <c r="N476" s="16" t="s">
        <v>9908</v>
      </c>
      <c r="O476" s="21">
        <v>1947</v>
      </c>
      <c r="P476" s="19">
        <v>1</v>
      </c>
      <c r="Q476" s="22"/>
      <c r="R476" s="23">
        <v>45065</v>
      </c>
    </row>
    <row r="477" spans="1:18" s="33" customFormat="1" ht="14.4" customHeight="1" x14ac:dyDescent="0.2">
      <c r="A477" s="15" t="s">
        <v>8275</v>
      </c>
      <c r="B477" s="10" t="s">
        <v>1806</v>
      </c>
      <c r="C477" s="16">
        <v>2</v>
      </c>
      <c r="D477" s="16">
        <v>512</v>
      </c>
      <c r="E477" s="16">
        <v>1504</v>
      </c>
      <c r="F477" s="31" t="s">
        <v>1665</v>
      </c>
      <c r="G477" s="32" t="s">
        <v>6727</v>
      </c>
      <c r="H477" s="31" t="s">
        <v>1666</v>
      </c>
      <c r="I477" s="31" t="s">
        <v>4560</v>
      </c>
      <c r="J477" s="19"/>
      <c r="K477" s="19"/>
      <c r="L477" s="31" t="s">
        <v>2317</v>
      </c>
      <c r="M477" s="16" t="s">
        <v>3565</v>
      </c>
      <c r="N477" s="16" t="s">
        <v>9909</v>
      </c>
      <c r="O477" s="21">
        <v>1967</v>
      </c>
      <c r="P477" s="19">
        <v>1</v>
      </c>
      <c r="Q477" s="22"/>
      <c r="R477" s="23">
        <v>45065</v>
      </c>
    </row>
    <row r="478" spans="1:18" s="33" customFormat="1" ht="14.4" customHeight="1" x14ac:dyDescent="0.2">
      <c r="A478" s="15" t="s">
        <v>8276</v>
      </c>
      <c r="B478" s="10" t="s">
        <v>1806</v>
      </c>
      <c r="C478" s="16">
        <v>2</v>
      </c>
      <c r="D478" s="16">
        <v>512</v>
      </c>
      <c r="E478" s="16">
        <v>1504</v>
      </c>
      <c r="F478" s="31" t="s">
        <v>1667</v>
      </c>
      <c r="G478" s="32" t="s">
        <v>6728</v>
      </c>
      <c r="H478" s="31" t="s">
        <v>1668</v>
      </c>
      <c r="I478" s="31" t="s">
        <v>4561</v>
      </c>
      <c r="J478" s="19"/>
      <c r="K478" s="19"/>
      <c r="L478" s="31" t="s">
        <v>2318</v>
      </c>
      <c r="M478" s="16" t="s">
        <v>3566</v>
      </c>
      <c r="N478" s="16" t="s">
        <v>9910</v>
      </c>
      <c r="O478" s="21">
        <v>1974</v>
      </c>
      <c r="P478" s="19">
        <v>1</v>
      </c>
      <c r="Q478" s="22"/>
      <c r="R478" s="23">
        <v>45065</v>
      </c>
    </row>
    <row r="479" spans="1:18" s="33" customFormat="1" ht="14.4" customHeight="1" x14ac:dyDescent="0.2">
      <c r="A479" s="15" t="s">
        <v>8277</v>
      </c>
      <c r="B479" s="10" t="s">
        <v>1806</v>
      </c>
      <c r="C479" s="16">
        <v>2</v>
      </c>
      <c r="D479" s="16">
        <v>512</v>
      </c>
      <c r="E479" s="16">
        <v>1504</v>
      </c>
      <c r="F479" s="31" t="s">
        <v>1669</v>
      </c>
      <c r="G479" s="32" t="s">
        <v>6729</v>
      </c>
      <c r="H479" s="31" t="s">
        <v>617</v>
      </c>
      <c r="I479" s="31" t="s">
        <v>4562</v>
      </c>
      <c r="J479" s="19"/>
      <c r="K479" s="19"/>
      <c r="L479" s="31" t="s">
        <v>2319</v>
      </c>
      <c r="M479" s="16" t="s">
        <v>3567</v>
      </c>
      <c r="N479" s="16" t="s">
        <v>9911</v>
      </c>
      <c r="O479" s="38">
        <v>1983</v>
      </c>
      <c r="P479" s="19">
        <v>1</v>
      </c>
      <c r="Q479" s="22"/>
      <c r="R479" s="23">
        <v>45065</v>
      </c>
    </row>
    <row r="480" spans="1:18" s="33" customFormat="1" ht="14.4" customHeight="1" x14ac:dyDescent="0.2">
      <c r="A480" s="15" t="s">
        <v>8278</v>
      </c>
      <c r="B480" s="10" t="s">
        <v>1806</v>
      </c>
      <c r="C480" s="16">
        <v>3</v>
      </c>
      <c r="D480" s="16">
        <v>510</v>
      </c>
      <c r="E480" s="16">
        <v>1502</v>
      </c>
      <c r="F480" s="31" t="s">
        <v>5181</v>
      </c>
      <c r="G480" s="32" t="s">
        <v>10421</v>
      </c>
      <c r="H480" s="31" t="s">
        <v>9915</v>
      </c>
      <c r="I480" s="31" t="s">
        <v>4563</v>
      </c>
      <c r="J480" s="19"/>
      <c r="K480" s="19"/>
      <c r="L480" s="31" t="s">
        <v>9916</v>
      </c>
      <c r="M480" s="16" t="s">
        <v>9917</v>
      </c>
      <c r="N480" s="16" t="s">
        <v>9918</v>
      </c>
      <c r="O480" s="19">
        <v>2017</v>
      </c>
      <c r="P480" s="19">
        <v>1</v>
      </c>
      <c r="Q480" s="22"/>
      <c r="R480" s="23">
        <v>45065</v>
      </c>
    </row>
    <row r="481" spans="1:18" s="33" customFormat="1" ht="14.4" customHeight="1" x14ac:dyDescent="0.2">
      <c r="A481" s="15" t="s">
        <v>8279</v>
      </c>
      <c r="B481" s="10" t="s">
        <v>1806</v>
      </c>
      <c r="C481" s="16">
        <v>3</v>
      </c>
      <c r="D481" s="16">
        <v>510</v>
      </c>
      <c r="E481" s="16">
        <v>1502</v>
      </c>
      <c r="F481" s="31" t="s">
        <v>5182</v>
      </c>
      <c r="G481" s="32" t="s">
        <v>6730</v>
      </c>
      <c r="H481" s="31" t="s">
        <v>10422</v>
      </c>
      <c r="I481" s="31" t="s">
        <v>4564</v>
      </c>
      <c r="J481" s="19"/>
      <c r="K481" s="19"/>
      <c r="L481" s="31" t="s">
        <v>9919</v>
      </c>
      <c r="M481" s="16" t="s">
        <v>9920</v>
      </c>
      <c r="N481" s="16" t="s">
        <v>9921</v>
      </c>
      <c r="O481" s="19">
        <v>2016</v>
      </c>
      <c r="P481" s="19">
        <v>1</v>
      </c>
      <c r="Q481" s="22"/>
      <c r="R481" s="23">
        <v>45065</v>
      </c>
    </row>
    <row r="482" spans="1:18" s="33" customFormat="1" ht="14.4" customHeight="1" x14ac:dyDescent="0.2">
      <c r="A482" s="15" t="s">
        <v>8280</v>
      </c>
      <c r="B482" s="10" t="s">
        <v>1806</v>
      </c>
      <c r="C482" s="16">
        <v>3</v>
      </c>
      <c r="D482" s="16">
        <v>510</v>
      </c>
      <c r="E482" s="16">
        <v>1502</v>
      </c>
      <c r="F482" s="31" t="s">
        <v>5183</v>
      </c>
      <c r="G482" s="32" t="s">
        <v>6731</v>
      </c>
      <c r="H482" s="31" t="s">
        <v>10422</v>
      </c>
      <c r="I482" s="31" t="s">
        <v>10507</v>
      </c>
      <c r="J482" s="19"/>
      <c r="K482" s="19"/>
      <c r="L482" s="31" t="s">
        <v>10423</v>
      </c>
      <c r="M482" s="16" t="s">
        <v>10508</v>
      </c>
      <c r="N482" s="16" t="s">
        <v>9922</v>
      </c>
      <c r="O482" s="19">
        <v>2016</v>
      </c>
      <c r="P482" s="19">
        <v>1</v>
      </c>
      <c r="Q482" s="22"/>
      <c r="R482" s="23">
        <v>45065</v>
      </c>
    </row>
    <row r="483" spans="1:18" s="33" customFormat="1" ht="14.4" customHeight="1" x14ac:dyDescent="0.2">
      <c r="A483" s="15" t="s">
        <v>8281</v>
      </c>
      <c r="B483" s="10" t="s">
        <v>1806</v>
      </c>
      <c r="C483" s="16">
        <v>5</v>
      </c>
      <c r="D483" s="16">
        <v>513</v>
      </c>
      <c r="E483" s="16">
        <v>1505</v>
      </c>
      <c r="F483" s="31" t="s">
        <v>1832</v>
      </c>
      <c r="G483" s="32" t="s">
        <v>6732</v>
      </c>
      <c r="H483" s="31" t="s">
        <v>59</v>
      </c>
      <c r="I483" s="31" t="s">
        <v>4565</v>
      </c>
      <c r="J483" s="19"/>
      <c r="K483" s="19"/>
      <c r="L483" s="31" t="s">
        <v>2320</v>
      </c>
      <c r="M483" s="31" t="s">
        <v>3568</v>
      </c>
      <c r="N483" s="16" t="s">
        <v>9923</v>
      </c>
      <c r="O483" s="19">
        <v>1963</v>
      </c>
      <c r="P483" s="19">
        <v>0</v>
      </c>
      <c r="Q483" s="22"/>
      <c r="R483" s="23">
        <v>45065</v>
      </c>
    </row>
    <row r="484" spans="1:18" s="33" customFormat="1" ht="14.4" customHeight="1" x14ac:dyDescent="0.2">
      <c r="A484" s="15" t="s">
        <v>8282</v>
      </c>
      <c r="B484" s="10" t="s">
        <v>1806</v>
      </c>
      <c r="C484" s="16">
        <v>5</v>
      </c>
      <c r="D484" s="16">
        <v>513</v>
      </c>
      <c r="E484" s="16">
        <v>1505</v>
      </c>
      <c r="F484" s="31" t="s">
        <v>1833</v>
      </c>
      <c r="G484" s="32" t="s">
        <v>6733</v>
      </c>
      <c r="H484" s="31" t="s">
        <v>1515</v>
      </c>
      <c r="I484" s="31" t="s">
        <v>4566</v>
      </c>
      <c r="J484" s="19"/>
      <c r="K484" s="19"/>
      <c r="L484" s="31" t="s">
        <v>2321</v>
      </c>
      <c r="M484" s="31" t="s">
        <v>3569</v>
      </c>
      <c r="N484" s="16" t="s">
        <v>9924</v>
      </c>
      <c r="O484" s="19">
        <v>2001</v>
      </c>
      <c r="P484" s="19">
        <v>0</v>
      </c>
      <c r="Q484" s="22"/>
      <c r="R484" s="23">
        <v>45065</v>
      </c>
    </row>
    <row r="485" spans="1:18" s="33" customFormat="1" ht="14.4" customHeight="1" x14ac:dyDescent="0.2">
      <c r="A485" s="15" t="s">
        <v>8283</v>
      </c>
      <c r="B485" s="10" t="s">
        <v>1806</v>
      </c>
      <c r="C485" s="16">
        <v>5</v>
      </c>
      <c r="D485" s="16">
        <v>513</v>
      </c>
      <c r="E485" s="16">
        <v>1505</v>
      </c>
      <c r="F485" s="31" t="s">
        <v>9925</v>
      </c>
      <c r="G485" s="32" t="s">
        <v>6734</v>
      </c>
      <c r="H485" s="31" t="s">
        <v>144</v>
      </c>
      <c r="I485" s="31" t="s">
        <v>4567</v>
      </c>
      <c r="J485" s="19"/>
      <c r="K485" s="19"/>
      <c r="L485" s="31" t="s">
        <v>2322</v>
      </c>
      <c r="M485" s="31" t="s">
        <v>3570</v>
      </c>
      <c r="N485" s="16" t="s">
        <v>9926</v>
      </c>
      <c r="O485" s="19">
        <v>1882</v>
      </c>
      <c r="P485" s="19">
        <v>0</v>
      </c>
      <c r="Q485" s="22"/>
      <c r="R485" s="23">
        <v>45065</v>
      </c>
    </row>
    <row r="486" spans="1:18" s="33" customFormat="1" ht="14.4" customHeight="1" x14ac:dyDescent="0.2">
      <c r="A486" s="15" t="s">
        <v>8284</v>
      </c>
      <c r="B486" s="10" t="s">
        <v>1806</v>
      </c>
      <c r="C486" s="16">
        <v>5</v>
      </c>
      <c r="D486" s="16">
        <v>513</v>
      </c>
      <c r="E486" s="16">
        <v>1505</v>
      </c>
      <c r="F486" s="16" t="s">
        <v>10424</v>
      </c>
      <c r="G486" s="16" t="s">
        <v>10425</v>
      </c>
      <c r="H486" s="16" t="s">
        <v>288</v>
      </c>
      <c r="I486" s="16" t="s">
        <v>4568</v>
      </c>
      <c r="J486" s="19"/>
      <c r="K486" s="19"/>
      <c r="L486" s="16" t="s">
        <v>2323</v>
      </c>
      <c r="M486" s="16" t="s">
        <v>3571</v>
      </c>
      <c r="N486" s="16" t="s">
        <v>9927</v>
      </c>
      <c r="O486" s="19">
        <v>1948</v>
      </c>
      <c r="P486" s="19">
        <v>0</v>
      </c>
      <c r="Q486" s="22"/>
      <c r="R486" s="23">
        <v>45065</v>
      </c>
    </row>
    <row r="487" spans="1:18" s="33" customFormat="1" ht="14.4" customHeight="1" x14ac:dyDescent="0.2">
      <c r="A487" s="15" t="s">
        <v>8285</v>
      </c>
      <c r="B487" s="10" t="s">
        <v>1806</v>
      </c>
      <c r="C487" s="16">
        <v>5</v>
      </c>
      <c r="D487" s="16">
        <v>513</v>
      </c>
      <c r="E487" s="16">
        <v>1505</v>
      </c>
      <c r="F487" s="31" t="s">
        <v>1834</v>
      </c>
      <c r="G487" s="32" t="s">
        <v>6735</v>
      </c>
      <c r="H487" s="31" t="s">
        <v>156</v>
      </c>
      <c r="I487" s="31" t="s">
        <v>4569</v>
      </c>
      <c r="J487" s="19"/>
      <c r="K487" s="19"/>
      <c r="L487" s="31" t="s">
        <v>2324</v>
      </c>
      <c r="M487" s="31" t="s">
        <v>3572</v>
      </c>
      <c r="N487" s="16" t="s">
        <v>9928</v>
      </c>
      <c r="O487" s="19">
        <v>2001</v>
      </c>
      <c r="P487" s="39" t="s">
        <v>10652</v>
      </c>
      <c r="Q487" s="22"/>
      <c r="R487" s="23">
        <v>45065</v>
      </c>
    </row>
    <row r="488" spans="1:18" s="33" customFormat="1" ht="14.4" customHeight="1" x14ac:dyDescent="0.2">
      <c r="A488" s="15" t="s">
        <v>8286</v>
      </c>
      <c r="B488" s="10" t="s">
        <v>1806</v>
      </c>
      <c r="C488" s="16">
        <v>5</v>
      </c>
      <c r="D488" s="16">
        <v>513</v>
      </c>
      <c r="E488" s="16">
        <v>1505</v>
      </c>
      <c r="F488" s="31" t="s">
        <v>1835</v>
      </c>
      <c r="G488" s="32" t="s">
        <v>6736</v>
      </c>
      <c r="H488" s="31" t="s">
        <v>215</v>
      </c>
      <c r="I488" s="31" t="s">
        <v>4570</v>
      </c>
      <c r="J488" s="19"/>
      <c r="K488" s="19"/>
      <c r="L488" s="31" t="s">
        <v>2325</v>
      </c>
      <c r="M488" s="31" t="s">
        <v>3573</v>
      </c>
      <c r="N488" s="16" t="s">
        <v>9929</v>
      </c>
      <c r="O488" s="19">
        <v>1926</v>
      </c>
      <c r="P488" s="19">
        <v>0</v>
      </c>
      <c r="Q488" s="22"/>
      <c r="R488" s="23">
        <v>45065</v>
      </c>
    </row>
    <row r="489" spans="1:18" s="33" customFormat="1" ht="14.4" customHeight="1" x14ac:dyDescent="0.2">
      <c r="A489" s="15" t="s">
        <v>8287</v>
      </c>
      <c r="B489" s="10" t="s">
        <v>1806</v>
      </c>
      <c r="C489" s="16">
        <v>5</v>
      </c>
      <c r="D489" s="16">
        <v>513</v>
      </c>
      <c r="E489" s="16">
        <v>1505</v>
      </c>
      <c r="F489" s="31" t="s">
        <v>1836</v>
      </c>
      <c r="G489" s="32" t="s">
        <v>6737</v>
      </c>
      <c r="H489" s="31" t="s">
        <v>1837</v>
      </c>
      <c r="I489" s="31" t="s">
        <v>4571</v>
      </c>
      <c r="J489" s="19"/>
      <c r="K489" s="19"/>
      <c r="L489" s="31" t="s">
        <v>2326</v>
      </c>
      <c r="M489" s="31" t="s">
        <v>3574</v>
      </c>
      <c r="N489" s="16" t="s">
        <v>9930</v>
      </c>
      <c r="O489" s="19">
        <v>1951</v>
      </c>
      <c r="P489" s="19">
        <v>0</v>
      </c>
      <c r="Q489" s="22"/>
      <c r="R489" s="23">
        <v>45065</v>
      </c>
    </row>
    <row r="490" spans="1:18" s="33" customFormat="1" ht="14.4" customHeight="1" x14ac:dyDescent="0.2">
      <c r="A490" s="15" t="s">
        <v>8288</v>
      </c>
      <c r="B490" s="10" t="s">
        <v>1806</v>
      </c>
      <c r="C490" s="16">
        <v>5</v>
      </c>
      <c r="D490" s="16">
        <v>513</v>
      </c>
      <c r="E490" s="16">
        <v>1505</v>
      </c>
      <c r="F490" s="31" t="s">
        <v>9931</v>
      </c>
      <c r="G490" s="32" t="s">
        <v>6738</v>
      </c>
      <c r="H490" s="31" t="s">
        <v>10426</v>
      </c>
      <c r="I490" s="31" t="s">
        <v>4572</v>
      </c>
      <c r="J490" s="19"/>
      <c r="K490" s="19"/>
      <c r="L490" s="31" t="s">
        <v>2327</v>
      </c>
      <c r="M490" s="31" t="s">
        <v>10427</v>
      </c>
      <c r="N490" s="40" t="s">
        <v>10653</v>
      </c>
      <c r="O490" s="39" t="s">
        <v>10428</v>
      </c>
      <c r="P490" s="39" t="s">
        <v>10654</v>
      </c>
      <c r="Q490" s="22"/>
      <c r="R490" s="23">
        <v>45065</v>
      </c>
    </row>
    <row r="491" spans="1:18" s="33" customFormat="1" ht="14.4" customHeight="1" x14ac:dyDescent="0.2">
      <c r="A491" s="15" t="s">
        <v>8289</v>
      </c>
      <c r="B491" s="10" t="s">
        <v>1806</v>
      </c>
      <c r="C491" s="16">
        <v>5</v>
      </c>
      <c r="D491" s="16">
        <v>513</v>
      </c>
      <c r="E491" s="16">
        <v>1505</v>
      </c>
      <c r="F491" s="31" t="s">
        <v>1838</v>
      </c>
      <c r="G491" s="32" t="s">
        <v>6739</v>
      </c>
      <c r="H491" s="31" t="s">
        <v>177</v>
      </c>
      <c r="I491" s="31" t="s">
        <v>4464</v>
      </c>
      <c r="J491" s="19"/>
      <c r="K491" s="19"/>
      <c r="L491" s="31" t="s">
        <v>2328</v>
      </c>
      <c r="M491" s="31" t="s">
        <v>3575</v>
      </c>
      <c r="N491" s="16" t="s">
        <v>9932</v>
      </c>
      <c r="O491" s="19">
        <v>1954</v>
      </c>
      <c r="P491" s="19">
        <v>0</v>
      </c>
      <c r="Q491" s="22"/>
      <c r="R491" s="23">
        <v>45065</v>
      </c>
    </row>
    <row r="492" spans="1:18" s="33" customFormat="1" ht="14.4" customHeight="1" x14ac:dyDescent="0.2">
      <c r="A492" s="15" t="s">
        <v>8290</v>
      </c>
      <c r="B492" s="10" t="s">
        <v>1806</v>
      </c>
      <c r="C492" s="16">
        <v>3</v>
      </c>
      <c r="D492" s="16">
        <v>510</v>
      </c>
      <c r="E492" s="16">
        <v>1502</v>
      </c>
      <c r="F492" s="16" t="s">
        <v>10429</v>
      </c>
      <c r="G492" s="16" t="s">
        <v>10430</v>
      </c>
      <c r="H492" s="16" t="s">
        <v>10431</v>
      </c>
      <c r="I492" s="16" t="s">
        <v>10432</v>
      </c>
      <c r="J492" s="19"/>
      <c r="K492" s="19"/>
      <c r="L492" s="40" t="s">
        <v>10433</v>
      </c>
      <c r="M492" s="40" t="s">
        <v>10434</v>
      </c>
      <c r="N492" s="20" t="s">
        <v>10435</v>
      </c>
      <c r="O492" s="19">
        <v>2022</v>
      </c>
      <c r="P492" s="19">
        <v>1</v>
      </c>
      <c r="Q492" s="41"/>
      <c r="R492" s="23">
        <v>45065</v>
      </c>
    </row>
    <row r="493" spans="1:18" s="33" customFormat="1" ht="14.4" customHeight="1" x14ac:dyDescent="0.2">
      <c r="A493" s="15" t="s">
        <v>9342</v>
      </c>
      <c r="B493" s="10" t="s">
        <v>1806</v>
      </c>
      <c r="C493" s="16">
        <v>1</v>
      </c>
      <c r="D493" s="16">
        <v>511</v>
      </c>
      <c r="E493" s="16">
        <v>1503</v>
      </c>
      <c r="F493" s="31" t="s">
        <v>9109</v>
      </c>
      <c r="G493" s="32" t="s">
        <v>10403</v>
      </c>
      <c r="H493" s="31" t="s">
        <v>10404</v>
      </c>
      <c r="I493" s="31" t="s">
        <v>9110</v>
      </c>
      <c r="J493" s="19"/>
      <c r="K493" s="19"/>
      <c r="L493" s="31" t="s">
        <v>9764</v>
      </c>
      <c r="M493" s="31" t="s">
        <v>10405</v>
      </c>
      <c r="N493" s="16" t="s">
        <v>9765</v>
      </c>
      <c r="O493" s="19">
        <v>2020</v>
      </c>
      <c r="P493" s="19">
        <v>1</v>
      </c>
      <c r="Q493" s="22"/>
      <c r="R493" s="23">
        <v>45065</v>
      </c>
    </row>
    <row r="494" spans="1:18" s="33" customFormat="1" ht="14.4" customHeight="1" x14ac:dyDescent="0.2">
      <c r="A494" s="15" t="s">
        <v>10436</v>
      </c>
      <c r="B494" s="10" t="s">
        <v>1806</v>
      </c>
      <c r="C494" s="16">
        <v>5</v>
      </c>
      <c r="D494" s="16">
        <v>513</v>
      </c>
      <c r="E494" s="16">
        <v>1505</v>
      </c>
      <c r="F494" s="31" t="s">
        <v>1839</v>
      </c>
      <c r="G494" s="32" t="s">
        <v>6740</v>
      </c>
      <c r="H494" s="31" t="s">
        <v>1840</v>
      </c>
      <c r="I494" s="31" t="s">
        <v>4573</v>
      </c>
      <c r="J494" s="19"/>
      <c r="K494" s="19"/>
      <c r="L494" s="31" t="s">
        <v>2329</v>
      </c>
      <c r="M494" s="31" t="s">
        <v>3576</v>
      </c>
      <c r="N494" s="16" t="s">
        <v>9933</v>
      </c>
      <c r="O494" s="19">
        <v>2009</v>
      </c>
      <c r="P494" s="19">
        <v>0</v>
      </c>
      <c r="Q494" s="22"/>
      <c r="R494" s="23">
        <v>45065</v>
      </c>
    </row>
    <row r="495" spans="1:18" s="33" customFormat="1" ht="14.4" customHeight="1" x14ac:dyDescent="0.2">
      <c r="A495" s="15" t="s">
        <v>9343</v>
      </c>
      <c r="B495" s="10" t="s">
        <v>1806</v>
      </c>
      <c r="C495" s="16">
        <v>1</v>
      </c>
      <c r="D495" s="16">
        <v>511</v>
      </c>
      <c r="E495" s="16">
        <v>1503</v>
      </c>
      <c r="F495" s="31" t="s">
        <v>9111</v>
      </c>
      <c r="G495" s="32" t="s">
        <v>10406</v>
      </c>
      <c r="H495" s="31" t="s">
        <v>10407</v>
      </c>
      <c r="I495" s="31" t="s">
        <v>9112</v>
      </c>
      <c r="J495" s="19"/>
      <c r="K495" s="19"/>
      <c r="L495" s="31" t="s">
        <v>10408</v>
      </c>
      <c r="M495" s="31" t="s">
        <v>9766</v>
      </c>
      <c r="N495" s="16"/>
      <c r="O495" s="19">
        <v>2020</v>
      </c>
      <c r="P495" s="19">
        <v>1</v>
      </c>
      <c r="Q495" s="22"/>
      <c r="R495" s="23">
        <v>45065</v>
      </c>
    </row>
    <row r="496" spans="1:18" s="33" customFormat="1" ht="14.4" customHeight="1" x14ac:dyDescent="0.2">
      <c r="A496" s="15" t="s">
        <v>9344</v>
      </c>
      <c r="B496" s="10" t="s">
        <v>1806</v>
      </c>
      <c r="C496" s="16">
        <v>1</v>
      </c>
      <c r="D496" s="16">
        <v>511</v>
      </c>
      <c r="E496" s="16">
        <v>1503</v>
      </c>
      <c r="F496" s="31" t="s">
        <v>9113</v>
      </c>
      <c r="G496" s="32" t="s">
        <v>10409</v>
      </c>
      <c r="H496" s="31" t="s">
        <v>10410</v>
      </c>
      <c r="I496" s="31" t="s">
        <v>9114</v>
      </c>
      <c r="J496" s="19"/>
      <c r="K496" s="19"/>
      <c r="L496" s="31" t="s">
        <v>9767</v>
      </c>
      <c r="M496" s="31" t="s">
        <v>9768</v>
      </c>
      <c r="N496" s="16" t="s">
        <v>9769</v>
      </c>
      <c r="O496" s="19">
        <v>2020</v>
      </c>
      <c r="P496" s="19">
        <v>1</v>
      </c>
      <c r="Q496" s="22"/>
      <c r="R496" s="23">
        <v>45065</v>
      </c>
    </row>
    <row r="497" spans="1:18" s="33" customFormat="1" ht="14.4" customHeight="1" x14ac:dyDescent="0.2">
      <c r="A497" s="15" t="s">
        <v>9345</v>
      </c>
      <c r="B497" s="10" t="s">
        <v>1806</v>
      </c>
      <c r="C497" s="16">
        <v>2</v>
      </c>
      <c r="D497" s="16">
        <v>512</v>
      </c>
      <c r="E497" s="16">
        <v>1504</v>
      </c>
      <c r="F497" s="31" t="s">
        <v>9115</v>
      </c>
      <c r="G497" s="32" t="s">
        <v>10419</v>
      </c>
      <c r="H497" s="31" t="s">
        <v>9912</v>
      </c>
      <c r="I497" s="31" t="s">
        <v>9116</v>
      </c>
      <c r="J497" s="19"/>
      <c r="K497" s="19"/>
      <c r="L497" s="31" t="s">
        <v>9913</v>
      </c>
      <c r="M497" s="31" t="s">
        <v>10420</v>
      </c>
      <c r="N497" s="16" t="s">
        <v>9914</v>
      </c>
      <c r="O497" s="19">
        <v>2020</v>
      </c>
      <c r="P497" s="19">
        <v>1</v>
      </c>
      <c r="Q497" s="22"/>
      <c r="R497" s="23">
        <v>45065</v>
      </c>
    </row>
    <row r="498" spans="1:18" s="33" customFormat="1" ht="14.4" customHeight="1" x14ac:dyDescent="0.2">
      <c r="A498" s="15" t="s">
        <v>10385</v>
      </c>
      <c r="B498" s="10" t="s">
        <v>1806</v>
      </c>
      <c r="C498" s="16">
        <v>1</v>
      </c>
      <c r="D498" s="17">
        <v>511</v>
      </c>
      <c r="E498" s="17">
        <v>1503</v>
      </c>
      <c r="F498" s="17" t="s">
        <v>9441</v>
      </c>
      <c r="G498" s="17" t="s">
        <v>10386</v>
      </c>
      <c r="H498" s="17" t="s">
        <v>78</v>
      </c>
      <c r="I498" s="17" t="s">
        <v>10641</v>
      </c>
      <c r="J498" s="18"/>
      <c r="K498" s="19"/>
      <c r="L498" s="17" t="s">
        <v>9442</v>
      </c>
      <c r="M498" s="17" t="s">
        <v>9443</v>
      </c>
      <c r="N498" s="20" t="s">
        <v>9444</v>
      </c>
      <c r="O498" s="21">
        <v>2021</v>
      </c>
      <c r="P498" s="19">
        <v>1</v>
      </c>
      <c r="Q498" s="22"/>
      <c r="R498" s="23">
        <v>45065</v>
      </c>
    </row>
    <row r="499" spans="1:18" s="33" customFormat="1" x14ac:dyDescent="0.2">
      <c r="A499" s="42" t="s">
        <v>8291</v>
      </c>
      <c r="B499" s="10" t="s">
        <v>1807</v>
      </c>
      <c r="C499" s="40">
        <v>1</v>
      </c>
      <c r="D499" s="17">
        <v>511</v>
      </c>
      <c r="E499" s="17">
        <v>1503</v>
      </c>
      <c r="F499" s="43" t="s">
        <v>620</v>
      </c>
      <c r="G499" s="26" t="s">
        <v>6741</v>
      </c>
      <c r="H499" s="43" t="s">
        <v>621</v>
      </c>
      <c r="I499" s="43" t="s">
        <v>4574</v>
      </c>
      <c r="J499" s="18">
        <v>35.537494549881401</v>
      </c>
      <c r="K499" s="18">
        <v>139.74540747554599</v>
      </c>
      <c r="L499" s="43" t="s">
        <v>2330</v>
      </c>
      <c r="M499" s="17" t="s">
        <v>5184</v>
      </c>
      <c r="N499" s="44" t="s">
        <v>10136</v>
      </c>
      <c r="O499" s="19">
        <v>1949</v>
      </c>
      <c r="P499" s="19">
        <v>1</v>
      </c>
      <c r="Q499" s="41"/>
      <c r="R499" s="23">
        <v>45065</v>
      </c>
    </row>
    <row r="500" spans="1:18" s="33" customFormat="1" x14ac:dyDescent="0.2">
      <c r="A500" s="42" t="s">
        <v>8292</v>
      </c>
      <c r="B500" s="10" t="s">
        <v>1807</v>
      </c>
      <c r="C500" s="40">
        <v>1</v>
      </c>
      <c r="D500" s="17">
        <v>511</v>
      </c>
      <c r="E500" s="17">
        <v>1503</v>
      </c>
      <c r="F500" s="43" t="s">
        <v>622</v>
      </c>
      <c r="G500" s="26" t="s">
        <v>6742</v>
      </c>
      <c r="H500" s="43" t="s">
        <v>623</v>
      </c>
      <c r="I500" s="43" t="s">
        <v>4575</v>
      </c>
      <c r="J500" s="18">
        <v>35.526781489537498</v>
      </c>
      <c r="K500" s="18">
        <v>139.73764620000699</v>
      </c>
      <c r="L500" s="43" t="s">
        <v>2331</v>
      </c>
      <c r="M500" s="17" t="s">
        <v>5184</v>
      </c>
      <c r="N500" s="44" t="s">
        <v>10137</v>
      </c>
      <c r="O500" s="19">
        <v>1953</v>
      </c>
      <c r="P500" s="19">
        <v>1</v>
      </c>
      <c r="Q500" s="41"/>
      <c r="R500" s="23">
        <v>45065</v>
      </c>
    </row>
    <row r="501" spans="1:18" s="33" customFormat="1" x14ac:dyDescent="0.2">
      <c r="A501" s="42" t="s">
        <v>8293</v>
      </c>
      <c r="B501" s="10" t="s">
        <v>1807</v>
      </c>
      <c r="C501" s="40">
        <v>1</v>
      </c>
      <c r="D501" s="17">
        <v>511</v>
      </c>
      <c r="E501" s="17">
        <v>1503</v>
      </c>
      <c r="F501" s="43" t="s">
        <v>624</v>
      </c>
      <c r="G501" s="26" t="s">
        <v>6743</v>
      </c>
      <c r="H501" s="43" t="s">
        <v>625</v>
      </c>
      <c r="I501" s="43" t="s">
        <v>4576</v>
      </c>
      <c r="J501" s="18">
        <v>35.536298749828497</v>
      </c>
      <c r="K501" s="18">
        <v>139.73540367543399</v>
      </c>
      <c r="L501" s="43" t="s">
        <v>2332</v>
      </c>
      <c r="M501" s="17" t="s">
        <v>5184</v>
      </c>
      <c r="N501" s="44" t="s">
        <v>10138</v>
      </c>
      <c r="O501" s="19">
        <v>1957</v>
      </c>
      <c r="P501" s="19">
        <v>1</v>
      </c>
      <c r="Q501" s="41"/>
      <c r="R501" s="23">
        <v>45065</v>
      </c>
    </row>
    <row r="502" spans="1:18" s="33" customFormat="1" x14ac:dyDescent="0.2">
      <c r="A502" s="42" t="s">
        <v>8294</v>
      </c>
      <c r="B502" s="10" t="s">
        <v>1807</v>
      </c>
      <c r="C502" s="40">
        <v>1</v>
      </c>
      <c r="D502" s="17">
        <v>511</v>
      </c>
      <c r="E502" s="17">
        <v>1503</v>
      </c>
      <c r="F502" s="43" t="s">
        <v>626</v>
      </c>
      <c r="G502" s="26" t="s">
        <v>6744</v>
      </c>
      <c r="H502" s="43" t="s">
        <v>625</v>
      </c>
      <c r="I502" s="43" t="s">
        <v>4577</v>
      </c>
      <c r="J502" s="18">
        <v>35.533358490679099</v>
      </c>
      <c r="K502" s="18">
        <v>139.735180589804</v>
      </c>
      <c r="L502" s="43" t="s">
        <v>2333</v>
      </c>
      <c r="M502" s="17" t="s">
        <v>5184</v>
      </c>
      <c r="N502" s="44" t="s">
        <v>10139</v>
      </c>
      <c r="O502" s="19">
        <v>1873</v>
      </c>
      <c r="P502" s="19">
        <v>1</v>
      </c>
      <c r="Q502" s="41"/>
      <c r="R502" s="23">
        <v>45065</v>
      </c>
    </row>
    <row r="503" spans="1:18" s="33" customFormat="1" x14ac:dyDescent="0.2">
      <c r="A503" s="42" t="s">
        <v>8295</v>
      </c>
      <c r="B503" s="10" t="s">
        <v>1807</v>
      </c>
      <c r="C503" s="40">
        <v>1</v>
      </c>
      <c r="D503" s="17">
        <v>511</v>
      </c>
      <c r="E503" s="17">
        <v>1503</v>
      </c>
      <c r="F503" s="43" t="s">
        <v>627</v>
      </c>
      <c r="G503" s="26" t="s">
        <v>6745</v>
      </c>
      <c r="H503" s="43" t="s">
        <v>628</v>
      </c>
      <c r="I503" s="43" t="s">
        <v>4578</v>
      </c>
      <c r="J503" s="18">
        <v>35.531055946979798</v>
      </c>
      <c r="K503" s="18">
        <v>139.72595712909501</v>
      </c>
      <c r="L503" s="43" t="s">
        <v>2334</v>
      </c>
      <c r="M503" s="17" t="s">
        <v>5184</v>
      </c>
      <c r="N503" s="44" t="s">
        <v>10140</v>
      </c>
      <c r="O503" s="19">
        <v>1937</v>
      </c>
      <c r="P503" s="19">
        <v>1</v>
      </c>
      <c r="Q503" s="41"/>
      <c r="R503" s="23">
        <v>45065</v>
      </c>
    </row>
    <row r="504" spans="1:18" s="33" customFormat="1" x14ac:dyDescent="0.2">
      <c r="A504" s="42" t="s">
        <v>8296</v>
      </c>
      <c r="B504" s="10" t="s">
        <v>1807</v>
      </c>
      <c r="C504" s="40">
        <v>1</v>
      </c>
      <c r="D504" s="17">
        <v>511</v>
      </c>
      <c r="E504" s="17">
        <v>1503</v>
      </c>
      <c r="F504" s="43" t="s">
        <v>629</v>
      </c>
      <c r="G504" s="26" t="s">
        <v>6746</v>
      </c>
      <c r="H504" s="43" t="s">
        <v>630</v>
      </c>
      <c r="I504" s="43" t="s">
        <v>4579</v>
      </c>
      <c r="J504" s="18">
        <v>35.525548599735302</v>
      </c>
      <c r="K504" s="18">
        <v>139.72516472206601</v>
      </c>
      <c r="L504" s="43" t="s">
        <v>2335</v>
      </c>
      <c r="M504" s="17" t="s">
        <v>5184</v>
      </c>
      <c r="N504" s="44" t="s">
        <v>10141</v>
      </c>
      <c r="O504" s="19">
        <v>1955</v>
      </c>
      <c r="P504" s="19">
        <v>1</v>
      </c>
      <c r="Q504" s="41"/>
      <c r="R504" s="23">
        <v>45065</v>
      </c>
    </row>
    <row r="505" spans="1:18" s="33" customFormat="1" x14ac:dyDescent="0.2">
      <c r="A505" s="42" t="s">
        <v>8297</v>
      </c>
      <c r="B505" s="10" t="s">
        <v>1807</v>
      </c>
      <c r="C505" s="40">
        <v>1</v>
      </c>
      <c r="D505" s="17">
        <v>511</v>
      </c>
      <c r="E505" s="17">
        <v>1503</v>
      </c>
      <c r="F505" s="43" t="s">
        <v>631</v>
      </c>
      <c r="G505" s="26" t="s">
        <v>6747</v>
      </c>
      <c r="H505" s="43" t="s">
        <v>5185</v>
      </c>
      <c r="I505" s="43" t="s">
        <v>4580</v>
      </c>
      <c r="J505" s="18">
        <v>35.520516262416201</v>
      </c>
      <c r="K505" s="18">
        <v>139.72258350288101</v>
      </c>
      <c r="L505" s="43" t="s">
        <v>2336</v>
      </c>
      <c r="M505" s="17" t="s">
        <v>5184</v>
      </c>
      <c r="N505" s="44" t="s">
        <v>10142</v>
      </c>
      <c r="O505" s="19">
        <v>2010</v>
      </c>
      <c r="P505" s="19">
        <v>1</v>
      </c>
      <c r="Q505" s="41"/>
      <c r="R505" s="23">
        <v>45065</v>
      </c>
    </row>
    <row r="506" spans="1:18" s="33" customFormat="1" x14ac:dyDescent="0.2">
      <c r="A506" s="42" t="s">
        <v>8298</v>
      </c>
      <c r="B506" s="10" t="s">
        <v>1807</v>
      </c>
      <c r="C506" s="40">
        <v>1</v>
      </c>
      <c r="D506" s="17">
        <v>511</v>
      </c>
      <c r="E506" s="17">
        <v>1503</v>
      </c>
      <c r="F506" s="43" t="s">
        <v>632</v>
      </c>
      <c r="G506" s="26" t="s">
        <v>6748</v>
      </c>
      <c r="H506" s="43" t="s">
        <v>633</v>
      </c>
      <c r="I506" s="43" t="s">
        <v>4581</v>
      </c>
      <c r="J506" s="18">
        <v>35.517021623250002</v>
      </c>
      <c r="K506" s="18">
        <v>139.71724709415699</v>
      </c>
      <c r="L506" s="43" t="s">
        <v>2337</v>
      </c>
      <c r="M506" s="17" t="s">
        <v>5184</v>
      </c>
      <c r="N506" s="44" t="s">
        <v>10143</v>
      </c>
      <c r="O506" s="19">
        <v>1924</v>
      </c>
      <c r="P506" s="19">
        <v>1</v>
      </c>
      <c r="Q506" s="41"/>
      <c r="R506" s="23">
        <v>45065</v>
      </c>
    </row>
    <row r="507" spans="1:18" s="33" customFormat="1" x14ac:dyDescent="0.2">
      <c r="A507" s="42" t="s">
        <v>8299</v>
      </c>
      <c r="B507" s="10" t="s">
        <v>1807</v>
      </c>
      <c r="C507" s="40">
        <v>1</v>
      </c>
      <c r="D507" s="17">
        <v>511</v>
      </c>
      <c r="E507" s="17">
        <v>1503</v>
      </c>
      <c r="F507" s="43" t="s">
        <v>634</v>
      </c>
      <c r="G507" s="26" t="s">
        <v>6749</v>
      </c>
      <c r="H507" s="43" t="s">
        <v>635</v>
      </c>
      <c r="I507" s="43" t="s">
        <v>4582</v>
      </c>
      <c r="J507" s="18">
        <v>35.515720381589297</v>
      </c>
      <c r="K507" s="18">
        <v>139.71001320273299</v>
      </c>
      <c r="L507" s="43" t="s">
        <v>2338</v>
      </c>
      <c r="M507" s="17" t="s">
        <v>5184</v>
      </c>
      <c r="N507" s="44" t="s">
        <v>10144</v>
      </c>
      <c r="O507" s="19">
        <v>1928</v>
      </c>
      <c r="P507" s="19">
        <v>1</v>
      </c>
      <c r="Q507" s="41"/>
      <c r="R507" s="23">
        <v>45065</v>
      </c>
    </row>
    <row r="508" spans="1:18" s="33" customFormat="1" x14ac:dyDescent="0.2">
      <c r="A508" s="42" t="s">
        <v>8300</v>
      </c>
      <c r="B508" s="10" t="s">
        <v>1807</v>
      </c>
      <c r="C508" s="40">
        <v>1</v>
      </c>
      <c r="D508" s="17">
        <v>511</v>
      </c>
      <c r="E508" s="17">
        <v>1503</v>
      </c>
      <c r="F508" s="43" t="s">
        <v>636</v>
      </c>
      <c r="G508" s="26" t="s">
        <v>6750</v>
      </c>
      <c r="H508" s="43" t="s">
        <v>637</v>
      </c>
      <c r="I508" s="43" t="s">
        <v>4583</v>
      </c>
      <c r="J508" s="18">
        <v>35.5121581179177</v>
      </c>
      <c r="K508" s="18">
        <v>139.70700790496701</v>
      </c>
      <c r="L508" s="43" t="s">
        <v>2339</v>
      </c>
      <c r="M508" s="17" t="s">
        <v>5184</v>
      </c>
      <c r="N508" s="44" t="s">
        <v>10145</v>
      </c>
      <c r="O508" s="19">
        <v>1955</v>
      </c>
      <c r="P508" s="19">
        <v>1</v>
      </c>
      <c r="Q508" s="41"/>
      <c r="R508" s="23">
        <v>45065</v>
      </c>
    </row>
    <row r="509" spans="1:18" s="33" customFormat="1" x14ac:dyDescent="0.2">
      <c r="A509" s="42" t="s">
        <v>8301</v>
      </c>
      <c r="B509" s="10" t="s">
        <v>1807</v>
      </c>
      <c r="C509" s="40">
        <v>1</v>
      </c>
      <c r="D509" s="17">
        <v>511</v>
      </c>
      <c r="E509" s="17">
        <v>1503</v>
      </c>
      <c r="F509" s="43" t="s">
        <v>638</v>
      </c>
      <c r="G509" s="26" t="s">
        <v>6751</v>
      </c>
      <c r="H509" s="43" t="s">
        <v>637</v>
      </c>
      <c r="I509" s="43" t="s">
        <v>4584</v>
      </c>
      <c r="J509" s="18">
        <v>35.511149212288203</v>
      </c>
      <c r="K509" s="18">
        <v>139.70214094046199</v>
      </c>
      <c r="L509" s="43" t="s">
        <v>2340</v>
      </c>
      <c r="M509" s="17" t="s">
        <v>5184</v>
      </c>
      <c r="N509" s="44" t="s">
        <v>10146</v>
      </c>
      <c r="O509" s="19">
        <v>1873</v>
      </c>
      <c r="P509" s="19">
        <v>1</v>
      </c>
      <c r="Q509" s="41"/>
      <c r="R509" s="23">
        <v>45065</v>
      </c>
    </row>
    <row r="510" spans="1:18" s="33" customFormat="1" x14ac:dyDescent="0.2">
      <c r="A510" s="42" t="s">
        <v>8302</v>
      </c>
      <c r="B510" s="10" t="s">
        <v>1807</v>
      </c>
      <c r="C510" s="40">
        <v>1</v>
      </c>
      <c r="D510" s="17">
        <v>511</v>
      </c>
      <c r="E510" s="17">
        <v>1503</v>
      </c>
      <c r="F510" s="43" t="s">
        <v>639</v>
      </c>
      <c r="G510" s="26" t="s">
        <v>6752</v>
      </c>
      <c r="H510" s="43" t="s">
        <v>640</v>
      </c>
      <c r="I510" s="43" t="s">
        <v>4585</v>
      </c>
      <c r="J510" s="18">
        <v>35.507050165008202</v>
      </c>
      <c r="K510" s="18">
        <v>139.70290023441399</v>
      </c>
      <c r="L510" s="43" t="s">
        <v>2341</v>
      </c>
      <c r="M510" s="17" t="s">
        <v>5184</v>
      </c>
      <c r="N510" s="44" t="s">
        <v>10147</v>
      </c>
      <c r="O510" s="19">
        <v>1952</v>
      </c>
      <c r="P510" s="19">
        <v>1</v>
      </c>
      <c r="Q510" s="41"/>
      <c r="R510" s="23">
        <v>45065</v>
      </c>
    </row>
    <row r="511" spans="1:18" s="33" customFormat="1" x14ac:dyDescent="0.2">
      <c r="A511" s="42" t="s">
        <v>8303</v>
      </c>
      <c r="B511" s="10" t="s">
        <v>1807</v>
      </c>
      <c r="C511" s="40">
        <v>1</v>
      </c>
      <c r="D511" s="17">
        <v>511</v>
      </c>
      <c r="E511" s="17">
        <v>1503</v>
      </c>
      <c r="F511" s="43" t="s">
        <v>641</v>
      </c>
      <c r="G511" s="26" t="s">
        <v>6753</v>
      </c>
      <c r="H511" s="43" t="s">
        <v>642</v>
      </c>
      <c r="I511" s="43" t="s">
        <v>4586</v>
      </c>
      <c r="J511" s="18">
        <v>35.523286564646398</v>
      </c>
      <c r="K511" s="18">
        <v>139.71954717678099</v>
      </c>
      <c r="L511" s="43" t="s">
        <v>2342</v>
      </c>
      <c r="M511" s="17" t="s">
        <v>5184</v>
      </c>
      <c r="N511" s="44" t="s">
        <v>10148</v>
      </c>
      <c r="O511" s="19">
        <v>1955</v>
      </c>
      <c r="P511" s="19">
        <v>1</v>
      </c>
      <c r="Q511" s="41"/>
      <c r="R511" s="23">
        <v>45065</v>
      </c>
    </row>
    <row r="512" spans="1:18" s="33" customFormat="1" x14ac:dyDescent="0.2">
      <c r="A512" s="42" t="s">
        <v>8304</v>
      </c>
      <c r="B512" s="10" t="s">
        <v>1807</v>
      </c>
      <c r="C512" s="40">
        <v>1</v>
      </c>
      <c r="D512" s="17">
        <v>511</v>
      </c>
      <c r="E512" s="17">
        <v>1503</v>
      </c>
      <c r="F512" s="43" t="s">
        <v>643</v>
      </c>
      <c r="G512" s="26" t="s">
        <v>6754</v>
      </c>
      <c r="H512" s="43" t="s">
        <v>642</v>
      </c>
      <c r="I512" s="43" t="s">
        <v>4587</v>
      </c>
      <c r="J512" s="18">
        <v>35.523886886430198</v>
      </c>
      <c r="K512" s="18">
        <v>139.71540178133699</v>
      </c>
      <c r="L512" s="43" t="s">
        <v>2343</v>
      </c>
      <c r="M512" s="17" t="s">
        <v>5184</v>
      </c>
      <c r="N512" s="44" t="s">
        <v>10149</v>
      </c>
      <c r="O512" s="19">
        <v>1940</v>
      </c>
      <c r="P512" s="19">
        <v>1</v>
      </c>
      <c r="Q512" s="41"/>
      <c r="R512" s="23">
        <v>45065</v>
      </c>
    </row>
    <row r="513" spans="1:18" s="33" customFormat="1" x14ac:dyDescent="0.2">
      <c r="A513" s="42" t="s">
        <v>8305</v>
      </c>
      <c r="B513" s="10" t="s">
        <v>1807</v>
      </c>
      <c r="C513" s="40">
        <v>1</v>
      </c>
      <c r="D513" s="17">
        <v>511</v>
      </c>
      <c r="E513" s="17">
        <v>1503</v>
      </c>
      <c r="F513" s="43" t="s">
        <v>644</v>
      </c>
      <c r="G513" s="26" t="s">
        <v>6755</v>
      </c>
      <c r="H513" s="43" t="s">
        <v>645</v>
      </c>
      <c r="I513" s="43" t="s">
        <v>4588</v>
      </c>
      <c r="J513" s="18">
        <v>35.521929694242402</v>
      </c>
      <c r="K513" s="18">
        <v>139.70830279369201</v>
      </c>
      <c r="L513" s="43" t="s">
        <v>2344</v>
      </c>
      <c r="M513" s="17" t="s">
        <v>5184</v>
      </c>
      <c r="N513" s="44" t="s">
        <v>10150</v>
      </c>
      <c r="O513" s="19">
        <v>1877</v>
      </c>
      <c r="P513" s="19">
        <v>1</v>
      </c>
      <c r="Q513" s="41"/>
      <c r="R513" s="23">
        <v>45065</v>
      </c>
    </row>
    <row r="514" spans="1:18" s="33" customFormat="1" x14ac:dyDescent="0.2">
      <c r="A514" s="42" t="s">
        <v>8306</v>
      </c>
      <c r="B514" s="10" t="s">
        <v>1807</v>
      </c>
      <c r="C514" s="40">
        <v>1</v>
      </c>
      <c r="D514" s="17">
        <v>511</v>
      </c>
      <c r="E514" s="17">
        <v>1503</v>
      </c>
      <c r="F514" s="43" t="s">
        <v>646</v>
      </c>
      <c r="G514" s="26" t="s">
        <v>6756</v>
      </c>
      <c r="H514" s="43" t="s">
        <v>647</v>
      </c>
      <c r="I514" s="43" t="s">
        <v>4589</v>
      </c>
      <c r="J514" s="18">
        <v>35.518101894000701</v>
      </c>
      <c r="K514" s="18">
        <v>139.70073242071899</v>
      </c>
      <c r="L514" s="43" t="s">
        <v>2345</v>
      </c>
      <c r="M514" s="17" t="s">
        <v>5184</v>
      </c>
      <c r="N514" s="44" t="s">
        <v>10151</v>
      </c>
      <c r="O514" s="19">
        <v>1940</v>
      </c>
      <c r="P514" s="19">
        <v>1</v>
      </c>
      <c r="Q514" s="41"/>
      <c r="R514" s="23">
        <v>45065</v>
      </c>
    </row>
    <row r="515" spans="1:18" s="33" customFormat="1" x14ac:dyDescent="0.2">
      <c r="A515" s="42" t="s">
        <v>8307</v>
      </c>
      <c r="B515" s="10" t="s">
        <v>1807</v>
      </c>
      <c r="C515" s="40">
        <v>1</v>
      </c>
      <c r="D515" s="17">
        <v>511</v>
      </c>
      <c r="E515" s="17">
        <v>1503</v>
      </c>
      <c r="F515" s="43" t="s">
        <v>648</v>
      </c>
      <c r="G515" s="26" t="s">
        <v>6757</v>
      </c>
      <c r="H515" s="43" t="s">
        <v>649</v>
      </c>
      <c r="I515" s="43" t="s">
        <v>4590</v>
      </c>
      <c r="J515" s="18">
        <v>35.5320468743992</v>
      </c>
      <c r="K515" s="18">
        <v>139.71493763309701</v>
      </c>
      <c r="L515" s="43" t="s">
        <v>2346</v>
      </c>
      <c r="M515" s="17" t="s">
        <v>5184</v>
      </c>
      <c r="N515" s="44" t="s">
        <v>10152</v>
      </c>
      <c r="O515" s="19">
        <v>1925</v>
      </c>
      <c r="P515" s="19">
        <v>1</v>
      </c>
      <c r="Q515" s="41"/>
      <c r="R515" s="23">
        <v>45065</v>
      </c>
    </row>
    <row r="516" spans="1:18" s="33" customFormat="1" x14ac:dyDescent="0.2">
      <c r="A516" s="42" t="s">
        <v>8308</v>
      </c>
      <c r="B516" s="10" t="s">
        <v>1807</v>
      </c>
      <c r="C516" s="40">
        <v>1</v>
      </c>
      <c r="D516" s="17">
        <v>511</v>
      </c>
      <c r="E516" s="17">
        <v>1503</v>
      </c>
      <c r="F516" s="43" t="s">
        <v>650</v>
      </c>
      <c r="G516" s="26" t="s">
        <v>6758</v>
      </c>
      <c r="H516" s="43" t="s">
        <v>651</v>
      </c>
      <c r="I516" s="43" t="s">
        <v>4591</v>
      </c>
      <c r="J516" s="18">
        <v>35.528914854179398</v>
      </c>
      <c r="K516" s="18">
        <v>139.70517988978801</v>
      </c>
      <c r="L516" s="43" t="s">
        <v>2347</v>
      </c>
      <c r="M516" s="17" t="s">
        <v>5184</v>
      </c>
      <c r="N516" s="44" t="s">
        <v>10153</v>
      </c>
      <c r="O516" s="19">
        <v>1921</v>
      </c>
      <c r="P516" s="19">
        <v>1</v>
      </c>
      <c r="Q516" s="41"/>
      <c r="R516" s="23">
        <v>45065</v>
      </c>
    </row>
    <row r="517" spans="1:18" s="33" customFormat="1" x14ac:dyDescent="0.2">
      <c r="A517" s="42" t="s">
        <v>8309</v>
      </c>
      <c r="B517" s="10" t="s">
        <v>1807</v>
      </c>
      <c r="C517" s="40">
        <v>1</v>
      </c>
      <c r="D517" s="17">
        <v>511</v>
      </c>
      <c r="E517" s="17">
        <v>1503</v>
      </c>
      <c r="F517" s="43" t="s">
        <v>652</v>
      </c>
      <c r="G517" s="26" t="s">
        <v>6759</v>
      </c>
      <c r="H517" s="43" t="s">
        <v>653</v>
      </c>
      <c r="I517" s="43" t="s">
        <v>4592</v>
      </c>
      <c r="J517" s="18">
        <v>35.524755663827001</v>
      </c>
      <c r="K517" s="18">
        <v>139.69513021226101</v>
      </c>
      <c r="L517" s="43" t="s">
        <v>2348</v>
      </c>
      <c r="M517" s="17" t="s">
        <v>5184</v>
      </c>
      <c r="N517" s="44" t="s">
        <v>10154</v>
      </c>
      <c r="O517" s="19">
        <v>1873</v>
      </c>
      <c r="P517" s="19">
        <v>1</v>
      </c>
      <c r="Q517" s="41"/>
      <c r="R517" s="23">
        <v>45065</v>
      </c>
    </row>
    <row r="518" spans="1:18" s="33" customFormat="1" x14ac:dyDescent="0.2">
      <c r="A518" s="42" t="s">
        <v>8310</v>
      </c>
      <c r="B518" s="10" t="s">
        <v>1807</v>
      </c>
      <c r="C518" s="40">
        <v>1</v>
      </c>
      <c r="D518" s="17">
        <v>511</v>
      </c>
      <c r="E518" s="17">
        <v>1503</v>
      </c>
      <c r="F518" s="43" t="s">
        <v>654</v>
      </c>
      <c r="G518" s="26" t="s">
        <v>6760</v>
      </c>
      <c r="H518" s="43" t="s">
        <v>655</v>
      </c>
      <c r="I518" s="43" t="s">
        <v>4593</v>
      </c>
      <c r="J518" s="18">
        <v>35.519443435367101</v>
      </c>
      <c r="K518" s="18">
        <v>139.692322384459</v>
      </c>
      <c r="L518" s="43" t="s">
        <v>2349</v>
      </c>
      <c r="M518" s="17" t="s">
        <v>5184</v>
      </c>
      <c r="N518" s="44" t="s">
        <v>10155</v>
      </c>
      <c r="O518" s="19">
        <v>1957</v>
      </c>
      <c r="P518" s="19">
        <v>1</v>
      </c>
      <c r="Q518" s="41"/>
      <c r="R518" s="23">
        <v>45065</v>
      </c>
    </row>
    <row r="519" spans="1:18" s="33" customFormat="1" x14ac:dyDescent="0.2">
      <c r="A519" s="42" t="s">
        <v>8311</v>
      </c>
      <c r="B519" s="10" t="s">
        <v>1807</v>
      </c>
      <c r="C519" s="40">
        <v>1</v>
      </c>
      <c r="D519" s="17">
        <v>511</v>
      </c>
      <c r="E519" s="17">
        <v>1503</v>
      </c>
      <c r="F519" s="43" t="s">
        <v>656</v>
      </c>
      <c r="G519" s="26" t="s">
        <v>6761</v>
      </c>
      <c r="H519" s="43" t="s">
        <v>657</v>
      </c>
      <c r="I519" s="43" t="s">
        <v>4594</v>
      </c>
      <c r="J519" s="18">
        <v>35.5381524651823</v>
      </c>
      <c r="K519" s="18">
        <v>139.694104652276</v>
      </c>
      <c r="L519" s="43" t="s">
        <v>2350</v>
      </c>
      <c r="M519" s="17" t="s">
        <v>5184</v>
      </c>
      <c r="N519" s="44" t="s">
        <v>10156</v>
      </c>
      <c r="O519" s="19">
        <v>1927</v>
      </c>
      <c r="P519" s="19">
        <v>1</v>
      </c>
      <c r="Q519" s="41"/>
      <c r="R519" s="23">
        <v>45065</v>
      </c>
    </row>
    <row r="520" spans="1:18" s="33" customFormat="1" x14ac:dyDescent="0.2">
      <c r="A520" s="42" t="s">
        <v>8312</v>
      </c>
      <c r="B520" s="10" t="s">
        <v>1807</v>
      </c>
      <c r="C520" s="40">
        <v>1</v>
      </c>
      <c r="D520" s="17">
        <v>511</v>
      </c>
      <c r="E520" s="17">
        <v>1503</v>
      </c>
      <c r="F520" s="43" t="s">
        <v>658</v>
      </c>
      <c r="G520" s="26" t="s">
        <v>6762</v>
      </c>
      <c r="H520" s="43" t="s">
        <v>659</v>
      </c>
      <c r="I520" s="43" t="s">
        <v>4595</v>
      </c>
      <c r="J520" s="18">
        <v>35.537810852548603</v>
      </c>
      <c r="K520" s="18">
        <v>139.69053285722001</v>
      </c>
      <c r="L520" s="43" t="s">
        <v>2351</v>
      </c>
      <c r="M520" s="17" t="s">
        <v>5184</v>
      </c>
      <c r="N520" s="44" t="s">
        <v>10157</v>
      </c>
      <c r="O520" s="19">
        <v>1938</v>
      </c>
      <c r="P520" s="19">
        <v>1</v>
      </c>
      <c r="Q520" s="41"/>
      <c r="R520" s="23">
        <v>45065</v>
      </c>
    </row>
    <row r="521" spans="1:18" s="33" customFormat="1" x14ac:dyDescent="0.2">
      <c r="A521" s="42" t="s">
        <v>8313</v>
      </c>
      <c r="B521" s="10" t="s">
        <v>1807</v>
      </c>
      <c r="C521" s="40">
        <v>1</v>
      </c>
      <c r="D521" s="17">
        <v>511</v>
      </c>
      <c r="E521" s="17">
        <v>1503</v>
      </c>
      <c r="F521" s="43" t="s">
        <v>660</v>
      </c>
      <c r="G521" s="26" t="s">
        <v>6763</v>
      </c>
      <c r="H521" s="43" t="s">
        <v>661</v>
      </c>
      <c r="I521" s="43" t="s">
        <v>4596</v>
      </c>
      <c r="J521" s="18">
        <v>35.543381819895899</v>
      </c>
      <c r="K521" s="18">
        <v>139.691937543227</v>
      </c>
      <c r="L521" s="43" t="s">
        <v>2352</v>
      </c>
      <c r="M521" s="17" t="s">
        <v>5184</v>
      </c>
      <c r="N521" s="44" t="s">
        <v>10158</v>
      </c>
      <c r="O521" s="19">
        <v>1873</v>
      </c>
      <c r="P521" s="19">
        <v>1</v>
      </c>
      <c r="Q521" s="41"/>
      <c r="R521" s="23">
        <v>45065</v>
      </c>
    </row>
    <row r="522" spans="1:18" s="33" customFormat="1" x14ac:dyDescent="0.2">
      <c r="A522" s="42" t="s">
        <v>8314</v>
      </c>
      <c r="B522" s="10" t="s">
        <v>1807</v>
      </c>
      <c r="C522" s="40">
        <v>1</v>
      </c>
      <c r="D522" s="17">
        <v>511</v>
      </c>
      <c r="E522" s="17">
        <v>1503</v>
      </c>
      <c r="F522" s="43" t="s">
        <v>662</v>
      </c>
      <c r="G522" s="26" t="s">
        <v>6764</v>
      </c>
      <c r="H522" s="43" t="s">
        <v>663</v>
      </c>
      <c r="I522" s="43" t="s">
        <v>4597</v>
      </c>
      <c r="J522" s="18">
        <v>35.5461661994389</v>
      </c>
      <c r="K522" s="18">
        <v>139.688739535937</v>
      </c>
      <c r="L522" s="43" t="s">
        <v>2353</v>
      </c>
      <c r="M522" s="17" t="s">
        <v>5184</v>
      </c>
      <c r="N522" s="44" t="s">
        <v>10159</v>
      </c>
      <c r="O522" s="19">
        <v>1956</v>
      </c>
      <c r="P522" s="19">
        <v>1</v>
      </c>
      <c r="Q522" s="41"/>
      <c r="R522" s="23">
        <v>45065</v>
      </c>
    </row>
    <row r="523" spans="1:18" s="33" customFormat="1" x14ac:dyDescent="0.2">
      <c r="A523" s="42" t="s">
        <v>8315</v>
      </c>
      <c r="B523" s="10" t="s">
        <v>1807</v>
      </c>
      <c r="C523" s="40">
        <v>1</v>
      </c>
      <c r="D523" s="17">
        <v>511</v>
      </c>
      <c r="E523" s="17">
        <v>1503</v>
      </c>
      <c r="F523" s="43" t="s">
        <v>664</v>
      </c>
      <c r="G523" s="26" t="s">
        <v>6765</v>
      </c>
      <c r="H523" s="43" t="s">
        <v>665</v>
      </c>
      <c r="I523" s="43" t="s">
        <v>4598</v>
      </c>
      <c r="J523" s="18">
        <v>35.542358814592497</v>
      </c>
      <c r="K523" s="18">
        <v>139.68536008550501</v>
      </c>
      <c r="L523" s="43" t="s">
        <v>2354</v>
      </c>
      <c r="M523" s="17" t="s">
        <v>5184</v>
      </c>
      <c r="N523" s="44" t="s">
        <v>10160</v>
      </c>
      <c r="O523" s="19">
        <v>1957</v>
      </c>
      <c r="P523" s="19">
        <v>1</v>
      </c>
      <c r="Q523" s="41"/>
      <c r="R523" s="23">
        <v>45065</v>
      </c>
    </row>
    <row r="524" spans="1:18" s="33" customFormat="1" ht="14.25" customHeight="1" x14ac:dyDescent="0.2">
      <c r="A524" s="42" t="s">
        <v>8316</v>
      </c>
      <c r="B524" s="10" t="s">
        <v>1807</v>
      </c>
      <c r="C524" s="40">
        <v>1</v>
      </c>
      <c r="D524" s="17">
        <v>511</v>
      </c>
      <c r="E524" s="17">
        <v>1503</v>
      </c>
      <c r="F524" s="43" t="s">
        <v>666</v>
      </c>
      <c r="G524" s="26" t="s">
        <v>6766</v>
      </c>
      <c r="H524" s="43" t="s">
        <v>667</v>
      </c>
      <c r="I524" s="43" t="s">
        <v>4599</v>
      </c>
      <c r="J524" s="18">
        <v>35.546482210272103</v>
      </c>
      <c r="K524" s="18">
        <v>139.68111802977199</v>
      </c>
      <c r="L524" s="43" t="s">
        <v>2355</v>
      </c>
      <c r="M524" s="17" t="s">
        <v>5184</v>
      </c>
      <c r="N524" s="45" t="s">
        <v>10161</v>
      </c>
      <c r="O524" s="19">
        <v>1948</v>
      </c>
      <c r="P524" s="19">
        <v>1</v>
      </c>
      <c r="Q524" s="41"/>
      <c r="R524" s="23">
        <v>45065</v>
      </c>
    </row>
    <row r="525" spans="1:18" s="33" customFormat="1" x14ac:dyDescent="0.2">
      <c r="A525" s="42" t="s">
        <v>8317</v>
      </c>
      <c r="B525" s="10" t="s">
        <v>1807</v>
      </c>
      <c r="C525" s="40">
        <v>1</v>
      </c>
      <c r="D525" s="17">
        <v>511</v>
      </c>
      <c r="E525" s="17">
        <v>1503</v>
      </c>
      <c r="F525" s="43" t="s">
        <v>668</v>
      </c>
      <c r="G525" s="26" t="s">
        <v>6767</v>
      </c>
      <c r="H525" s="43" t="s">
        <v>5186</v>
      </c>
      <c r="I525" s="43" t="s">
        <v>4600</v>
      </c>
      <c r="J525" s="18">
        <v>35.547069027295201</v>
      </c>
      <c r="K525" s="18">
        <v>139.67465763672701</v>
      </c>
      <c r="L525" s="43" t="s">
        <v>2356</v>
      </c>
      <c r="M525" s="17" t="s">
        <v>5184</v>
      </c>
      <c r="N525" s="44" t="s">
        <v>10162</v>
      </c>
      <c r="O525" s="19">
        <v>1985</v>
      </c>
      <c r="P525" s="19">
        <v>1</v>
      </c>
      <c r="Q525" s="41"/>
      <c r="R525" s="23">
        <v>45065</v>
      </c>
    </row>
    <row r="526" spans="1:18" s="29" customFormat="1" x14ac:dyDescent="0.2">
      <c r="A526" s="42" t="s">
        <v>8318</v>
      </c>
      <c r="B526" s="10" t="s">
        <v>1807</v>
      </c>
      <c r="C526" s="40">
        <v>1</v>
      </c>
      <c r="D526" s="17">
        <v>511</v>
      </c>
      <c r="E526" s="17">
        <v>1503</v>
      </c>
      <c r="F526" s="43" t="s">
        <v>669</v>
      </c>
      <c r="G526" s="26" t="s">
        <v>6768</v>
      </c>
      <c r="H526" s="43" t="s">
        <v>670</v>
      </c>
      <c r="I526" s="43" t="s">
        <v>4601</v>
      </c>
      <c r="J526" s="18">
        <v>35.549439789900397</v>
      </c>
      <c r="K526" s="18">
        <v>139.67885982491299</v>
      </c>
      <c r="L526" s="43" t="s">
        <v>2357</v>
      </c>
      <c r="M526" s="17" t="s">
        <v>5184</v>
      </c>
      <c r="N526" s="44" t="s">
        <v>10163</v>
      </c>
      <c r="O526" s="19">
        <v>1957</v>
      </c>
      <c r="P526" s="19">
        <v>1</v>
      </c>
      <c r="Q526" s="41"/>
      <c r="R526" s="23">
        <v>45065</v>
      </c>
    </row>
    <row r="527" spans="1:18" s="33" customFormat="1" x14ac:dyDescent="0.2">
      <c r="A527" s="42" t="s">
        <v>8319</v>
      </c>
      <c r="B527" s="10" t="s">
        <v>1807</v>
      </c>
      <c r="C527" s="40">
        <v>1</v>
      </c>
      <c r="D527" s="17">
        <v>511</v>
      </c>
      <c r="E527" s="17">
        <v>1503</v>
      </c>
      <c r="F527" s="43" t="s">
        <v>671</v>
      </c>
      <c r="G527" s="26" t="s">
        <v>6769</v>
      </c>
      <c r="H527" s="43" t="s">
        <v>672</v>
      </c>
      <c r="I527" s="43" t="s">
        <v>4602</v>
      </c>
      <c r="J527" s="18">
        <v>35.555021319897598</v>
      </c>
      <c r="K527" s="18">
        <v>139.68577571033799</v>
      </c>
      <c r="L527" s="43" t="s">
        <v>2358</v>
      </c>
      <c r="M527" s="17" t="s">
        <v>5184</v>
      </c>
      <c r="N527" s="44" t="s">
        <v>10164</v>
      </c>
      <c r="O527" s="19">
        <v>1947</v>
      </c>
      <c r="P527" s="19">
        <v>1</v>
      </c>
      <c r="Q527" s="41"/>
      <c r="R527" s="23">
        <v>45065</v>
      </c>
    </row>
    <row r="528" spans="1:18" s="33" customFormat="1" x14ac:dyDescent="0.2">
      <c r="A528" s="42" t="s">
        <v>8320</v>
      </c>
      <c r="B528" s="10" t="s">
        <v>1807</v>
      </c>
      <c r="C528" s="40">
        <v>1</v>
      </c>
      <c r="D528" s="17">
        <v>511</v>
      </c>
      <c r="E528" s="17">
        <v>1503</v>
      </c>
      <c r="F528" s="43" t="s">
        <v>673</v>
      </c>
      <c r="G528" s="26" t="s">
        <v>6770</v>
      </c>
      <c r="H528" s="43" t="s">
        <v>674</v>
      </c>
      <c r="I528" s="43" t="s">
        <v>4603</v>
      </c>
      <c r="J528" s="18">
        <v>35.547801940087403</v>
      </c>
      <c r="K528" s="18">
        <v>139.66927634093901</v>
      </c>
      <c r="L528" s="43" t="s">
        <v>2359</v>
      </c>
      <c r="M528" s="17" t="s">
        <v>5184</v>
      </c>
      <c r="N528" s="44" t="s">
        <v>10165</v>
      </c>
      <c r="O528" s="19">
        <v>1932</v>
      </c>
      <c r="P528" s="19">
        <v>1</v>
      </c>
      <c r="Q528" s="41"/>
      <c r="R528" s="23">
        <v>45065</v>
      </c>
    </row>
    <row r="529" spans="1:18" s="33" customFormat="1" x14ac:dyDescent="0.2">
      <c r="A529" s="42" t="s">
        <v>8321</v>
      </c>
      <c r="B529" s="10" t="s">
        <v>1807</v>
      </c>
      <c r="C529" s="40">
        <v>1</v>
      </c>
      <c r="D529" s="17">
        <v>511</v>
      </c>
      <c r="E529" s="17">
        <v>1503</v>
      </c>
      <c r="F529" s="43" t="s">
        <v>675</v>
      </c>
      <c r="G529" s="26" t="s">
        <v>6771</v>
      </c>
      <c r="H529" s="43" t="s">
        <v>676</v>
      </c>
      <c r="I529" s="43" t="s">
        <v>4604</v>
      </c>
      <c r="J529" s="18">
        <v>35.541380502235498</v>
      </c>
      <c r="K529" s="18">
        <v>139.66539367652399</v>
      </c>
      <c r="L529" s="43" t="s">
        <v>2360</v>
      </c>
      <c r="M529" s="17" t="s">
        <v>5184</v>
      </c>
      <c r="N529" s="44" t="s">
        <v>10166</v>
      </c>
      <c r="O529" s="19">
        <v>1954</v>
      </c>
      <c r="P529" s="19">
        <v>1</v>
      </c>
      <c r="Q529" s="41"/>
      <c r="R529" s="23">
        <v>45065</v>
      </c>
    </row>
    <row r="530" spans="1:18" s="33" customFormat="1" x14ac:dyDescent="0.2">
      <c r="A530" s="42" t="s">
        <v>8322</v>
      </c>
      <c r="B530" s="10" t="s">
        <v>1807</v>
      </c>
      <c r="C530" s="40">
        <v>1</v>
      </c>
      <c r="D530" s="17">
        <v>511</v>
      </c>
      <c r="E530" s="17">
        <v>1503</v>
      </c>
      <c r="F530" s="43" t="s">
        <v>677</v>
      </c>
      <c r="G530" s="26" t="s">
        <v>6772</v>
      </c>
      <c r="H530" s="43" t="s">
        <v>678</v>
      </c>
      <c r="I530" s="43" t="s">
        <v>4605</v>
      </c>
      <c r="J530" s="18">
        <v>35.542933006216202</v>
      </c>
      <c r="K530" s="18">
        <v>139.659591661419</v>
      </c>
      <c r="L530" s="43" t="s">
        <v>2361</v>
      </c>
      <c r="M530" s="17" t="s">
        <v>5184</v>
      </c>
      <c r="N530" s="44" t="s">
        <v>10167</v>
      </c>
      <c r="O530" s="19">
        <v>1958</v>
      </c>
      <c r="P530" s="19">
        <v>1</v>
      </c>
      <c r="Q530" s="41"/>
      <c r="R530" s="23">
        <v>45065</v>
      </c>
    </row>
    <row r="531" spans="1:18" s="33" customFormat="1" x14ac:dyDescent="0.2">
      <c r="A531" s="42" t="s">
        <v>8323</v>
      </c>
      <c r="B531" s="10" t="s">
        <v>1807</v>
      </c>
      <c r="C531" s="40">
        <v>1</v>
      </c>
      <c r="D531" s="17">
        <v>511</v>
      </c>
      <c r="E531" s="17">
        <v>1503</v>
      </c>
      <c r="F531" s="43" t="s">
        <v>10168</v>
      </c>
      <c r="G531" s="26" t="s">
        <v>6773</v>
      </c>
      <c r="H531" s="43" t="s">
        <v>678</v>
      </c>
      <c r="I531" s="43" t="s">
        <v>4606</v>
      </c>
      <c r="J531" s="18">
        <v>35.548029152482798</v>
      </c>
      <c r="K531" s="18">
        <v>139.66258442641799</v>
      </c>
      <c r="L531" s="43" t="s">
        <v>2362</v>
      </c>
      <c r="M531" s="17" t="s">
        <v>5184</v>
      </c>
      <c r="N531" s="44" t="s">
        <v>10169</v>
      </c>
      <c r="O531" s="19">
        <v>1984</v>
      </c>
      <c r="P531" s="19">
        <v>1</v>
      </c>
      <c r="Q531" s="41"/>
      <c r="R531" s="23">
        <v>45065</v>
      </c>
    </row>
    <row r="532" spans="1:18" s="33" customFormat="1" x14ac:dyDescent="0.2">
      <c r="A532" s="42" t="s">
        <v>8324</v>
      </c>
      <c r="B532" s="10" t="s">
        <v>1807</v>
      </c>
      <c r="C532" s="40">
        <v>1</v>
      </c>
      <c r="D532" s="17">
        <v>511</v>
      </c>
      <c r="E532" s="17">
        <v>1503</v>
      </c>
      <c r="F532" s="43" t="s">
        <v>679</v>
      </c>
      <c r="G532" s="26" t="s">
        <v>6774</v>
      </c>
      <c r="H532" s="43" t="s">
        <v>680</v>
      </c>
      <c r="I532" s="43" t="s">
        <v>4607</v>
      </c>
      <c r="J532" s="18">
        <v>35.557636411214297</v>
      </c>
      <c r="K532" s="18">
        <v>139.68147758078601</v>
      </c>
      <c r="L532" s="43" t="s">
        <v>2363</v>
      </c>
      <c r="M532" s="17" t="s">
        <v>5184</v>
      </c>
      <c r="N532" s="44" t="s">
        <v>10170</v>
      </c>
      <c r="O532" s="19">
        <v>1959</v>
      </c>
      <c r="P532" s="19">
        <v>1</v>
      </c>
      <c r="Q532" s="41"/>
      <c r="R532" s="23">
        <v>45065</v>
      </c>
    </row>
    <row r="533" spans="1:18" s="33" customFormat="1" x14ac:dyDescent="0.2">
      <c r="A533" s="42" t="s">
        <v>8325</v>
      </c>
      <c r="B533" s="10" t="s">
        <v>1807</v>
      </c>
      <c r="C533" s="40">
        <v>1</v>
      </c>
      <c r="D533" s="17">
        <v>511</v>
      </c>
      <c r="E533" s="17">
        <v>1503</v>
      </c>
      <c r="F533" s="43" t="s">
        <v>681</v>
      </c>
      <c r="G533" s="26" t="s">
        <v>6775</v>
      </c>
      <c r="H533" s="43" t="s">
        <v>680</v>
      </c>
      <c r="I533" s="43" t="s">
        <v>4608</v>
      </c>
      <c r="J533" s="18">
        <v>35.556756989193602</v>
      </c>
      <c r="K533" s="18">
        <v>139.67654086742601</v>
      </c>
      <c r="L533" s="43" t="s">
        <v>2364</v>
      </c>
      <c r="M533" s="17" t="s">
        <v>5184</v>
      </c>
      <c r="N533" s="44" t="s">
        <v>10171</v>
      </c>
      <c r="O533" s="19">
        <v>1944</v>
      </c>
      <c r="P533" s="19">
        <v>1</v>
      </c>
      <c r="Q533" s="41"/>
      <c r="R533" s="23">
        <v>45065</v>
      </c>
    </row>
    <row r="534" spans="1:18" s="33" customFormat="1" x14ac:dyDescent="0.2">
      <c r="A534" s="42" t="s">
        <v>8326</v>
      </c>
      <c r="B534" s="10" t="s">
        <v>1807</v>
      </c>
      <c r="C534" s="40">
        <v>1</v>
      </c>
      <c r="D534" s="17">
        <v>511</v>
      </c>
      <c r="E534" s="17">
        <v>1503</v>
      </c>
      <c r="F534" s="43" t="s">
        <v>682</v>
      </c>
      <c r="G534" s="26" t="s">
        <v>6776</v>
      </c>
      <c r="H534" s="43" t="s">
        <v>683</v>
      </c>
      <c r="I534" s="43" t="s">
        <v>4609</v>
      </c>
      <c r="J534" s="18">
        <v>35.563740883728997</v>
      </c>
      <c r="K534" s="18">
        <v>139.67285376132901</v>
      </c>
      <c r="L534" s="43" t="s">
        <v>2365</v>
      </c>
      <c r="M534" s="17" t="s">
        <v>5184</v>
      </c>
      <c r="N534" s="44" t="s">
        <v>10172</v>
      </c>
      <c r="O534" s="19">
        <v>1904</v>
      </c>
      <c r="P534" s="19">
        <v>1</v>
      </c>
      <c r="Q534" s="41"/>
      <c r="R534" s="23">
        <v>45065</v>
      </c>
    </row>
    <row r="535" spans="1:18" s="33" customFormat="1" x14ac:dyDescent="0.2">
      <c r="A535" s="42" t="s">
        <v>8327</v>
      </c>
      <c r="B535" s="10" t="s">
        <v>1807</v>
      </c>
      <c r="C535" s="40">
        <v>1</v>
      </c>
      <c r="D535" s="17">
        <v>511</v>
      </c>
      <c r="E535" s="17">
        <v>1503</v>
      </c>
      <c r="F535" s="43" t="s">
        <v>684</v>
      </c>
      <c r="G535" s="26" t="s">
        <v>6777</v>
      </c>
      <c r="H535" s="43" t="s">
        <v>685</v>
      </c>
      <c r="I535" s="43" t="s">
        <v>4610</v>
      </c>
      <c r="J535" s="18">
        <v>35.5730832420764</v>
      </c>
      <c r="K535" s="18">
        <v>139.67045720143599</v>
      </c>
      <c r="L535" s="43" t="s">
        <v>2366</v>
      </c>
      <c r="M535" s="17" t="s">
        <v>5184</v>
      </c>
      <c r="N535" s="44" t="s">
        <v>10173</v>
      </c>
      <c r="O535" s="19">
        <v>1954</v>
      </c>
      <c r="P535" s="19">
        <v>1</v>
      </c>
      <c r="Q535" s="41"/>
      <c r="R535" s="23">
        <v>45065</v>
      </c>
    </row>
    <row r="536" spans="1:18" s="33" customFormat="1" x14ac:dyDescent="0.2">
      <c r="A536" s="42" t="s">
        <v>8328</v>
      </c>
      <c r="B536" s="10" t="s">
        <v>1807</v>
      </c>
      <c r="C536" s="40">
        <v>1</v>
      </c>
      <c r="D536" s="17">
        <v>511</v>
      </c>
      <c r="E536" s="17">
        <v>1503</v>
      </c>
      <c r="F536" s="43" t="s">
        <v>686</v>
      </c>
      <c r="G536" s="26" t="s">
        <v>6778</v>
      </c>
      <c r="H536" s="43" t="s">
        <v>687</v>
      </c>
      <c r="I536" s="43" t="s">
        <v>4611</v>
      </c>
      <c r="J536" s="18">
        <v>35.562446574226897</v>
      </c>
      <c r="K536" s="18">
        <v>139.66310530559801</v>
      </c>
      <c r="L536" s="43" t="s">
        <v>2367</v>
      </c>
      <c r="M536" s="17" t="s">
        <v>5184</v>
      </c>
      <c r="N536" s="44" t="s">
        <v>10174</v>
      </c>
      <c r="O536" s="19">
        <v>1956</v>
      </c>
      <c r="P536" s="19">
        <v>1</v>
      </c>
      <c r="Q536" s="41"/>
      <c r="R536" s="23">
        <v>45065</v>
      </c>
    </row>
    <row r="537" spans="1:18" s="33" customFormat="1" x14ac:dyDescent="0.2">
      <c r="A537" s="42" t="s">
        <v>8329</v>
      </c>
      <c r="B537" s="10" t="s">
        <v>1807</v>
      </c>
      <c r="C537" s="40">
        <v>1</v>
      </c>
      <c r="D537" s="17">
        <v>511</v>
      </c>
      <c r="E537" s="17">
        <v>1503</v>
      </c>
      <c r="F537" s="43" t="s">
        <v>688</v>
      </c>
      <c r="G537" s="26" t="s">
        <v>6779</v>
      </c>
      <c r="H537" s="43" t="s">
        <v>689</v>
      </c>
      <c r="I537" s="43" t="s">
        <v>4612</v>
      </c>
      <c r="J537" s="18">
        <v>35.557597113162203</v>
      </c>
      <c r="K537" s="18">
        <v>139.655602107471</v>
      </c>
      <c r="L537" s="43" t="s">
        <v>2368</v>
      </c>
      <c r="M537" s="17" t="s">
        <v>5184</v>
      </c>
      <c r="N537" s="44" t="s">
        <v>10175</v>
      </c>
      <c r="O537" s="19">
        <v>1971</v>
      </c>
      <c r="P537" s="19">
        <v>1</v>
      </c>
      <c r="Q537" s="41"/>
      <c r="R537" s="23">
        <v>45065</v>
      </c>
    </row>
    <row r="538" spans="1:18" s="33" customFormat="1" x14ac:dyDescent="0.2">
      <c r="A538" s="42" t="s">
        <v>8330</v>
      </c>
      <c r="B538" s="10" t="s">
        <v>1807</v>
      </c>
      <c r="C538" s="40">
        <v>1</v>
      </c>
      <c r="D538" s="17">
        <v>511</v>
      </c>
      <c r="E538" s="17">
        <v>1503</v>
      </c>
      <c r="F538" s="43" t="s">
        <v>690</v>
      </c>
      <c r="G538" s="26" t="s">
        <v>6780</v>
      </c>
      <c r="H538" s="43" t="s">
        <v>1679</v>
      </c>
      <c r="I538" s="43" t="s">
        <v>4613</v>
      </c>
      <c r="J538" s="18">
        <v>35.5693346670827</v>
      </c>
      <c r="K538" s="18">
        <v>139.65812414640101</v>
      </c>
      <c r="L538" s="43" t="s">
        <v>2369</v>
      </c>
      <c r="M538" s="17" t="s">
        <v>5184</v>
      </c>
      <c r="N538" s="44" t="s">
        <v>10176</v>
      </c>
      <c r="O538" s="19">
        <v>1950</v>
      </c>
      <c r="P538" s="19">
        <v>1</v>
      </c>
      <c r="Q538" s="41"/>
      <c r="R538" s="23">
        <v>45065</v>
      </c>
    </row>
    <row r="539" spans="1:18" s="33" customFormat="1" x14ac:dyDescent="0.2">
      <c r="A539" s="42" t="s">
        <v>8331</v>
      </c>
      <c r="B539" s="10" t="s">
        <v>1807</v>
      </c>
      <c r="C539" s="40">
        <v>1</v>
      </c>
      <c r="D539" s="17">
        <v>511</v>
      </c>
      <c r="E539" s="17">
        <v>1503</v>
      </c>
      <c r="F539" s="43" t="s">
        <v>691</v>
      </c>
      <c r="G539" s="26" t="s">
        <v>6781</v>
      </c>
      <c r="H539" s="43" t="s">
        <v>692</v>
      </c>
      <c r="I539" s="43" t="s">
        <v>4614</v>
      </c>
      <c r="J539" s="18">
        <v>35.568606338862999</v>
      </c>
      <c r="K539" s="18">
        <v>139.65317245621401</v>
      </c>
      <c r="L539" s="43" t="s">
        <v>2370</v>
      </c>
      <c r="M539" s="17" t="s">
        <v>5184</v>
      </c>
      <c r="N539" s="44" t="s">
        <v>10177</v>
      </c>
      <c r="O539" s="19">
        <v>1900</v>
      </c>
      <c r="P539" s="19">
        <v>1</v>
      </c>
      <c r="Q539" s="41"/>
      <c r="R539" s="23">
        <v>45065</v>
      </c>
    </row>
    <row r="540" spans="1:18" s="33" customFormat="1" x14ac:dyDescent="0.2">
      <c r="A540" s="42" t="s">
        <v>8332</v>
      </c>
      <c r="B540" s="10" t="s">
        <v>1807</v>
      </c>
      <c r="C540" s="40">
        <v>1</v>
      </c>
      <c r="D540" s="17">
        <v>511</v>
      </c>
      <c r="E540" s="17">
        <v>1503</v>
      </c>
      <c r="F540" s="43" t="s">
        <v>693</v>
      </c>
      <c r="G540" s="26" t="s">
        <v>6782</v>
      </c>
      <c r="H540" s="43" t="s">
        <v>694</v>
      </c>
      <c r="I540" s="43" t="s">
        <v>4615</v>
      </c>
      <c r="J540" s="18">
        <v>35.564490461862299</v>
      </c>
      <c r="K540" s="18">
        <v>139.645659785232</v>
      </c>
      <c r="L540" s="43" t="s">
        <v>2371</v>
      </c>
      <c r="M540" s="17" t="s">
        <v>5184</v>
      </c>
      <c r="N540" s="44" t="s">
        <v>10178</v>
      </c>
      <c r="O540" s="19">
        <v>1956</v>
      </c>
      <c r="P540" s="19">
        <v>1</v>
      </c>
      <c r="Q540" s="41"/>
      <c r="R540" s="23">
        <v>45065</v>
      </c>
    </row>
    <row r="541" spans="1:18" s="33" customFormat="1" x14ac:dyDescent="0.2">
      <c r="A541" s="42" t="s">
        <v>8333</v>
      </c>
      <c r="B541" s="10" t="s">
        <v>1807</v>
      </c>
      <c r="C541" s="40">
        <v>1</v>
      </c>
      <c r="D541" s="17">
        <v>511</v>
      </c>
      <c r="E541" s="17">
        <v>1503</v>
      </c>
      <c r="F541" s="43" t="s">
        <v>695</v>
      </c>
      <c r="G541" s="26" t="s">
        <v>6783</v>
      </c>
      <c r="H541" s="43" t="s">
        <v>696</v>
      </c>
      <c r="I541" s="43" t="s">
        <v>4616</v>
      </c>
      <c r="J541" s="18">
        <v>35.576319035076502</v>
      </c>
      <c r="K541" s="18">
        <v>139.64929394841499</v>
      </c>
      <c r="L541" s="43" t="s">
        <v>2372</v>
      </c>
      <c r="M541" s="17" t="s">
        <v>5184</v>
      </c>
      <c r="N541" s="44" t="s">
        <v>10179</v>
      </c>
      <c r="O541" s="19">
        <v>1958</v>
      </c>
      <c r="P541" s="19">
        <v>1</v>
      </c>
      <c r="Q541" s="41"/>
      <c r="R541" s="23">
        <v>45065</v>
      </c>
    </row>
    <row r="542" spans="1:18" s="33" customFormat="1" x14ac:dyDescent="0.2">
      <c r="A542" s="42" t="s">
        <v>8334</v>
      </c>
      <c r="B542" s="10" t="s">
        <v>1807</v>
      </c>
      <c r="C542" s="40">
        <v>1</v>
      </c>
      <c r="D542" s="17">
        <v>511</v>
      </c>
      <c r="E542" s="17">
        <v>1503</v>
      </c>
      <c r="F542" s="43" t="s">
        <v>697</v>
      </c>
      <c r="G542" s="26" t="s">
        <v>6784</v>
      </c>
      <c r="H542" s="43" t="s">
        <v>698</v>
      </c>
      <c r="I542" s="43" t="s">
        <v>4617</v>
      </c>
      <c r="J542" s="18">
        <v>35.5790882465283</v>
      </c>
      <c r="K542" s="18">
        <v>139.66469547689999</v>
      </c>
      <c r="L542" s="43" t="s">
        <v>2373</v>
      </c>
      <c r="M542" s="17" t="s">
        <v>5184</v>
      </c>
      <c r="N542" s="44" t="s">
        <v>10180</v>
      </c>
      <c r="O542" s="19">
        <v>1947</v>
      </c>
      <c r="P542" s="19">
        <v>1</v>
      </c>
      <c r="Q542" s="41"/>
      <c r="R542" s="23">
        <v>45065</v>
      </c>
    </row>
    <row r="543" spans="1:18" s="33" customFormat="1" x14ac:dyDescent="0.2">
      <c r="A543" s="42" t="s">
        <v>8335</v>
      </c>
      <c r="B543" s="10" t="s">
        <v>1807</v>
      </c>
      <c r="C543" s="40">
        <v>1</v>
      </c>
      <c r="D543" s="17">
        <v>511</v>
      </c>
      <c r="E543" s="17">
        <v>1503</v>
      </c>
      <c r="F543" s="43" t="s">
        <v>699</v>
      </c>
      <c r="G543" s="26" t="s">
        <v>6785</v>
      </c>
      <c r="H543" s="43" t="s">
        <v>700</v>
      </c>
      <c r="I543" s="43" t="s">
        <v>4618</v>
      </c>
      <c r="J543" s="18">
        <v>35.586735426198302</v>
      </c>
      <c r="K543" s="18">
        <v>139.65473051505199</v>
      </c>
      <c r="L543" s="43" t="s">
        <v>2374</v>
      </c>
      <c r="M543" s="17" t="s">
        <v>5184</v>
      </c>
      <c r="N543" s="44" t="s">
        <v>10181</v>
      </c>
      <c r="O543" s="19">
        <v>1955</v>
      </c>
      <c r="P543" s="19">
        <v>1</v>
      </c>
      <c r="Q543" s="41"/>
      <c r="R543" s="23">
        <v>45065</v>
      </c>
    </row>
    <row r="544" spans="1:18" s="33" customFormat="1" x14ac:dyDescent="0.2">
      <c r="A544" s="42" t="s">
        <v>8336</v>
      </c>
      <c r="B544" s="10" t="s">
        <v>1807</v>
      </c>
      <c r="C544" s="40">
        <v>1</v>
      </c>
      <c r="D544" s="17">
        <v>511</v>
      </c>
      <c r="E544" s="17">
        <v>1503</v>
      </c>
      <c r="F544" s="43" t="s">
        <v>701</v>
      </c>
      <c r="G544" s="26" t="s">
        <v>6786</v>
      </c>
      <c r="H544" s="43" t="s">
        <v>702</v>
      </c>
      <c r="I544" s="43" t="s">
        <v>4619</v>
      </c>
      <c r="J544" s="18">
        <v>35.583347555038003</v>
      </c>
      <c r="K544" s="18">
        <v>139.65049895379701</v>
      </c>
      <c r="L544" s="43" t="s">
        <v>2375</v>
      </c>
      <c r="M544" s="17" t="s">
        <v>5184</v>
      </c>
      <c r="N544" s="44" t="s">
        <v>10182</v>
      </c>
      <c r="O544" s="19">
        <v>1901</v>
      </c>
      <c r="P544" s="19">
        <v>1</v>
      </c>
      <c r="Q544" s="41"/>
      <c r="R544" s="23">
        <v>45065</v>
      </c>
    </row>
    <row r="545" spans="1:18" s="33" customFormat="1" x14ac:dyDescent="0.2">
      <c r="A545" s="42" t="s">
        <v>8337</v>
      </c>
      <c r="B545" s="10" t="s">
        <v>1807</v>
      </c>
      <c r="C545" s="40">
        <v>1</v>
      </c>
      <c r="D545" s="17">
        <v>511</v>
      </c>
      <c r="E545" s="17">
        <v>1503</v>
      </c>
      <c r="F545" s="43" t="s">
        <v>703</v>
      </c>
      <c r="G545" s="26" t="s">
        <v>6787</v>
      </c>
      <c r="H545" s="43" t="s">
        <v>704</v>
      </c>
      <c r="I545" s="43" t="s">
        <v>4620</v>
      </c>
      <c r="J545" s="18">
        <v>35.588824027579498</v>
      </c>
      <c r="K545" s="18">
        <v>139.64132378993901</v>
      </c>
      <c r="L545" s="43" t="s">
        <v>2376</v>
      </c>
      <c r="M545" s="17" t="s">
        <v>5184</v>
      </c>
      <c r="N545" s="44" t="s">
        <v>10183</v>
      </c>
      <c r="O545" s="19">
        <v>1957</v>
      </c>
      <c r="P545" s="19">
        <v>1</v>
      </c>
      <c r="Q545" s="41"/>
      <c r="R545" s="23">
        <v>45065</v>
      </c>
    </row>
    <row r="546" spans="1:18" s="33" customFormat="1" x14ac:dyDescent="0.2">
      <c r="A546" s="42" t="s">
        <v>8338</v>
      </c>
      <c r="B546" s="10" t="s">
        <v>1807</v>
      </c>
      <c r="C546" s="40">
        <v>1</v>
      </c>
      <c r="D546" s="17">
        <v>511</v>
      </c>
      <c r="E546" s="17">
        <v>1503</v>
      </c>
      <c r="F546" s="43" t="s">
        <v>705</v>
      </c>
      <c r="G546" s="26" t="s">
        <v>6788</v>
      </c>
      <c r="H546" s="43" t="s">
        <v>706</v>
      </c>
      <c r="I546" s="43" t="s">
        <v>4621</v>
      </c>
      <c r="J546" s="18">
        <v>35.580644730461103</v>
      </c>
      <c r="K546" s="18">
        <v>139.63841550279099</v>
      </c>
      <c r="L546" s="43" t="s">
        <v>2377</v>
      </c>
      <c r="M546" s="17" t="s">
        <v>5184</v>
      </c>
      <c r="N546" s="44" t="s">
        <v>10184</v>
      </c>
      <c r="O546" s="19">
        <v>1941</v>
      </c>
      <c r="P546" s="19">
        <v>1</v>
      </c>
      <c r="Q546" s="41"/>
      <c r="R546" s="23">
        <v>45065</v>
      </c>
    </row>
    <row r="547" spans="1:18" s="33" customFormat="1" x14ac:dyDescent="0.2">
      <c r="A547" s="42" t="s">
        <v>8339</v>
      </c>
      <c r="B547" s="10" t="s">
        <v>1807</v>
      </c>
      <c r="C547" s="40">
        <v>1</v>
      </c>
      <c r="D547" s="17">
        <v>511</v>
      </c>
      <c r="E547" s="17">
        <v>1503</v>
      </c>
      <c r="F547" s="43" t="s">
        <v>707</v>
      </c>
      <c r="G547" s="26" t="s">
        <v>6789</v>
      </c>
      <c r="H547" s="43" t="s">
        <v>706</v>
      </c>
      <c r="I547" s="43" t="s">
        <v>4622</v>
      </c>
      <c r="J547" s="18">
        <v>35.571637905910499</v>
      </c>
      <c r="K547" s="18">
        <v>139.64036019839401</v>
      </c>
      <c r="L547" s="43" t="s">
        <v>2378</v>
      </c>
      <c r="M547" s="17" t="s">
        <v>5184</v>
      </c>
      <c r="N547" s="44" t="s">
        <v>10185</v>
      </c>
      <c r="O547" s="19">
        <v>1968</v>
      </c>
      <c r="P547" s="19">
        <v>1</v>
      </c>
      <c r="Q547" s="41"/>
      <c r="R547" s="23">
        <v>45065</v>
      </c>
    </row>
    <row r="548" spans="1:18" s="33" customFormat="1" x14ac:dyDescent="0.2">
      <c r="A548" s="42" t="s">
        <v>8340</v>
      </c>
      <c r="B548" s="10" t="s">
        <v>1807</v>
      </c>
      <c r="C548" s="40">
        <v>1</v>
      </c>
      <c r="D548" s="17">
        <v>511</v>
      </c>
      <c r="E548" s="17">
        <v>1503</v>
      </c>
      <c r="F548" s="43" t="s">
        <v>708</v>
      </c>
      <c r="G548" s="26" t="s">
        <v>6790</v>
      </c>
      <c r="H548" s="43" t="s">
        <v>709</v>
      </c>
      <c r="I548" s="43" t="s">
        <v>4623</v>
      </c>
      <c r="J548" s="18">
        <v>35.581604158663197</v>
      </c>
      <c r="K548" s="18">
        <v>139.632485605912</v>
      </c>
      <c r="L548" s="43" t="s">
        <v>2379</v>
      </c>
      <c r="M548" s="17" t="s">
        <v>5184</v>
      </c>
      <c r="N548" s="44" t="s">
        <v>10186</v>
      </c>
      <c r="O548" s="19">
        <v>1953</v>
      </c>
      <c r="P548" s="19">
        <v>1</v>
      </c>
      <c r="Q548" s="41"/>
      <c r="R548" s="23">
        <v>45065</v>
      </c>
    </row>
    <row r="549" spans="1:18" s="33" customFormat="1" x14ac:dyDescent="0.2">
      <c r="A549" s="42" t="s">
        <v>8341</v>
      </c>
      <c r="B549" s="10" t="s">
        <v>1807</v>
      </c>
      <c r="C549" s="40">
        <v>1</v>
      </c>
      <c r="D549" s="17">
        <v>511</v>
      </c>
      <c r="E549" s="17">
        <v>1503</v>
      </c>
      <c r="F549" s="43" t="s">
        <v>710</v>
      </c>
      <c r="G549" s="26" t="s">
        <v>6791</v>
      </c>
      <c r="H549" s="43" t="s">
        <v>711</v>
      </c>
      <c r="I549" s="43" t="s">
        <v>4624</v>
      </c>
      <c r="J549" s="18">
        <v>35.591233114907702</v>
      </c>
      <c r="K549" s="18">
        <v>139.63185624604401</v>
      </c>
      <c r="L549" s="43" t="s">
        <v>2380</v>
      </c>
      <c r="M549" s="17" t="s">
        <v>5184</v>
      </c>
      <c r="N549" s="44" t="s">
        <v>10187</v>
      </c>
      <c r="O549" s="19">
        <v>1966</v>
      </c>
      <c r="P549" s="19">
        <v>1</v>
      </c>
      <c r="Q549" s="41"/>
      <c r="R549" s="23">
        <v>45065</v>
      </c>
    </row>
    <row r="550" spans="1:18" s="33" customFormat="1" x14ac:dyDescent="0.2">
      <c r="A550" s="42" t="s">
        <v>8342</v>
      </c>
      <c r="B550" s="10" t="s">
        <v>1807</v>
      </c>
      <c r="C550" s="40">
        <v>1</v>
      </c>
      <c r="D550" s="17">
        <v>511</v>
      </c>
      <c r="E550" s="17">
        <v>1503</v>
      </c>
      <c r="F550" s="43" t="s">
        <v>712</v>
      </c>
      <c r="G550" s="26" t="s">
        <v>6792</v>
      </c>
      <c r="H550" s="43" t="s">
        <v>713</v>
      </c>
      <c r="I550" s="43" t="s">
        <v>4625</v>
      </c>
      <c r="J550" s="18">
        <v>35.570104592415298</v>
      </c>
      <c r="K550" s="18">
        <v>139.632569086698</v>
      </c>
      <c r="L550" s="43" t="s">
        <v>2381</v>
      </c>
      <c r="M550" s="17" t="s">
        <v>5184</v>
      </c>
      <c r="N550" s="44" t="s">
        <v>10191</v>
      </c>
      <c r="O550" s="19">
        <v>1965</v>
      </c>
      <c r="P550" s="19">
        <v>1</v>
      </c>
      <c r="Q550" s="41"/>
      <c r="R550" s="23">
        <v>45065</v>
      </c>
    </row>
    <row r="551" spans="1:18" s="33" customFormat="1" x14ac:dyDescent="0.2">
      <c r="A551" s="42" t="s">
        <v>8343</v>
      </c>
      <c r="B551" s="10" t="s">
        <v>1807</v>
      </c>
      <c r="C551" s="40">
        <v>1</v>
      </c>
      <c r="D551" s="17">
        <v>511</v>
      </c>
      <c r="E551" s="17">
        <v>1503</v>
      </c>
      <c r="F551" s="43" t="s">
        <v>714</v>
      </c>
      <c r="G551" s="26" t="s">
        <v>6793</v>
      </c>
      <c r="H551" s="43" t="s">
        <v>715</v>
      </c>
      <c r="I551" s="43" t="s">
        <v>4626</v>
      </c>
      <c r="J551" s="18">
        <v>35.581371395468501</v>
      </c>
      <c r="K551" s="18">
        <v>139.62165008931601</v>
      </c>
      <c r="L551" s="43" t="s">
        <v>2382</v>
      </c>
      <c r="M551" s="17" t="s">
        <v>5184</v>
      </c>
      <c r="N551" s="44" t="s">
        <v>10192</v>
      </c>
      <c r="O551" s="19">
        <v>1914</v>
      </c>
      <c r="P551" s="19">
        <v>1</v>
      </c>
      <c r="Q551" s="41"/>
      <c r="R551" s="23">
        <v>45065</v>
      </c>
    </row>
    <row r="552" spans="1:18" s="33" customFormat="1" x14ac:dyDescent="0.2">
      <c r="A552" s="42" t="s">
        <v>8344</v>
      </c>
      <c r="B552" s="10" t="s">
        <v>1807</v>
      </c>
      <c r="C552" s="40">
        <v>1</v>
      </c>
      <c r="D552" s="17">
        <v>511</v>
      </c>
      <c r="E552" s="17">
        <v>1503</v>
      </c>
      <c r="F552" s="43" t="s">
        <v>716</v>
      </c>
      <c r="G552" s="26" t="s">
        <v>6794</v>
      </c>
      <c r="H552" s="43" t="s">
        <v>717</v>
      </c>
      <c r="I552" s="43" t="s">
        <v>10509</v>
      </c>
      <c r="J552" s="18">
        <v>35.590361934407802</v>
      </c>
      <c r="K552" s="18">
        <v>139.61935139665999</v>
      </c>
      <c r="L552" s="43" t="s">
        <v>2383</v>
      </c>
      <c r="M552" s="17" t="s">
        <v>5184</v>
      </c>
      <c r="N552" s="44" t="s">
        <v>10193</v>
      </c>
      <c r="O552" s="19">
        <v>1958</v>
      </c>
      <c r="P552" s="19">
        <v>1</v>
      </c>
      <c r="Q552" s="41"/>
      <c r="R552" s="23">
        <v>45065</v>
      </c>
    </row>
    <row r="553" spans="1:18" s="33" customFormat="1" x14ac:dyDescent="0.2">
      <c r="A553" s="42" t="s">
        <v>8345</v>
      </c>
      <c r="B553" s="10" t="s">
        <v>1807</v>
      </c>
      <c r="C553" s="40">
        <v>1</v>
      </c>
      <c r="D553" s="17">
        <v>511</v>
      </c>
      <c r="E553" s="17">
        <v>1503</v>
      </c>
      <c r="F553" s="43" t="s">
        <v>718</v>
      </c>
      <c r="G553" s="26" t="s">
        <v>6795</v>
      </c>
      <c r="H553" s="43" t="s">
        <v>719</v>
      </c>
      <c r="I553" s="43" t="s">
        <v>4627</v>
      </c>
      <c r="J553" s="18">
        <v>35.587463628081601</v>
      </c>
      <c r="K553" s="18">
        <v>139.611279474837</v>
      </c>
      <c r="L553" s="43" t="s">
        <v>2384</v>
      </c>
      <c r="M553" s="17" t="s">
        <v>5184</v>
      </c>
      <c r="N553" s="44" t="s">
        <v>10194</v>
      </c>
      <c r="O553" s="19">
        <v>1985</v>
      </c>
      <c r="P553" s="19">
        <v>1</v>
      </c>
      <c r="Q553" s="41"/>
      <c r="R553" s="23">
        <v>45065</v>
      </c>
    </row>
    <row r="554" spans="1:18" s="33" customFormat="1" x14ac:dyDescent="0.2">
      <c r="A554" s="42" t="s">
        <v>8346</v>
      </c>
      <c r="B554" s="10" t="s">
        <v>1807</v>
      </c>
      <c r="C554" s="40">
        <v>1</v>
      </c>
      <c r="D554" s="17">
        <v>511</v>
      </c>
      <c r="E554" s="17">
        <v>1503</v>
      </c>
      <c r="F554" s="43" t="s">
        <v>720</v>
      </c>
      <c r="G554" s="26" t="s">
        <v>6796</v>
      </c>
      <c r="H554" s="43" t="s">
        <v>721</v>
      </c>
      <c r="I554" s="43" t="s">
        <v>4628</v>
      </c>
      <c r="J554" s="18">
        <v>35.601363899033601</v>
      </c>
      <c r="K554" s="18">
        <v>139.62794145002999</v>
      </c>
      <c r="L554" s="43" t="s">
        <v>2385</v>
      </c>
      <c r="M554" s="17" t="s">
        <v>5184</v>
      </c>
      <c r="N554" s="44" t="s">
        <v>10195</v>
      </c>
      <c r="O554" s="19">
        <v>1950</v>
      </c>
      <c r="P554" s="19">
        <v>1</v>
      </c>
      <c r="Q554" s="41"/>
      <c r="R554" s="23">
        <v>45065</v>
      </c>
    </row>
    <row r="555" spans="1:18" s="33" customFormat="1" x14ac:dyDescent="0.2">
      <c r="A555" s="42" t="s">
        <v>8347</v>
      </c>
      <c r="B555" s="10" t="s">
        <v>1807</v>
      </c>
      <c r="C555" s="40">
        <v>1</v>
      </c>
      <c r="D555" s="17">
        <v>511</v>
      </c>
      <c r="E555" s="17">
        <v>1503</v>
      </c>
      <c r="F555" s="43" t="s">
        <v>722</v>
      </c>
      <c r="G555" s="26" t="s">
        <v>6797</v>
      </c>
      <c r="H555" s="43" t="s">
        <v>723</v>
      </c>
      <c r="I555" s="43" t="s">
        <v>4629</v>
      </c>
      <c r="J555" s="18">
        <v>35.596355959896201</v>
      </c>
      <c r="K555" s="18">
        <v>139.622658654069</v>
      </c>
      <c r="L555" s="43" t="s">
        <v>2386</v>
      </c>
      <c r="M555" s="17" t="s">
        <v>5184</v>
      </c>
      <c r="N555" s="44" t="s">
        <v>10196</v>
      </c>
      <c r="O555" s="19">
        <v>1969</v>
      </c>
      <c r="P555" s="19">
        <v>1</v>
      </c>
      <c r="Q555" s="41"/>
      <c r="R555" s="23">
        <v>45065</v>
      </c>
    </row>
    <row r="556" spans="1:18" s="33" customFormat="1" x14ac:dyDescent="0.2">
      <c r="A556" s="42" t="s">
        <v>8348</v>
      </c>
      <c r="B556" s="10" t="s">
        <v>1807</v>
      </c>
      <c r="C556" s="40">
        <v>1</v>
      </c>
      <c r="D556" s="17">
        <v>511</v>
      </c>
      <c r="E556" s="17">
        <v>1503</v>
      </c>
      <c r="F556" s="43" t="s">
        <v>724</v>
      </c>
      <c r="G556" s="26" t="s">
        <v>6798</v>
      </c>
      <c r="H556" s="43" t="s">
        <v>725</v>
      </c>
      <c r="I556" s="43" t="s">
        <v>4630</v>
      </c>
      <c r="J556" s="18">
        <v>35.595154411922799</v>
      </c>
      <c r="K556" s="18">
        <v>139.61788424589599</v>
      </c>
      <c r="L556" s="43" t="s">
        <v>2387</v>
      </c>
      <c r="M556" s="17" t="s">
        <v>5184</v>
      </c>
      <c r="N556" s="44" t="s">
        <v>10197</v>
      </c>
      <c r="O556" s="19">
        <v>1955</v>
      </c>
      <c r="P556" s="19">
        <v>1</v>
      </c>
      <c r="Q556" s="41"/>
      <c r="R556" s="23">
        <v>45065</v>
      </c>
    </row>
    <row r="557" spans="1:18" s="33" customFormat="1" x14ac:dyDescent="0.2">
      <c r="A557" s="42" t="s">
        <v>8349</v>
      </c>
      <c r="B557" s="10" t="s">
        <v>1807</v>
      </c>
      <c r="C557" s="40">
        <v>1</v>
      </c>
      <c r="D557" s="17">
        <v>511</v>
      </c>
      <c r="E557" s="17">
        <v>1503</v>
      </c>
      <c r="F557" s="43" t="s">
        <v>726</v>
      </c>
      <c r="G557" s="26" t="s">
        <v>6799</v>
      </c>
      <c r="H557" s="43" t="s">
        <v>727</v>
      </c>
      <c r="I557" s="43" t="s">
        <v>4631</v>
      </c>
      <c r="J557" s="18">
        <v>35.603158690536503</v>
      </c>
      <c r="K557" s="18">
        <v>139.600651831352</v>
      </c>
      <c r="L557" s="43" t="s">
        <v>2388</v>
      </c>
      <c r="M557" s="17" t="s">
        <v>5184</v>
      </c>
      <c r="N557" s="44" t="s">
        <v>10198</v>
      </c>
      <c r="O557" s="19">
        <v>1983</v>
      </c>
      <c r="P557" s="19">
        <v>1</v>
      </c>
      <c r="Q557" s="41"/>
      <c r="R557" s="23">
        <v>45065</v>
      </c>
    </row>
    <row r="558" spans="1:18" s="33" customFormat="1" x14ac:dyDescent="0.2">
      <c r="A558" s="42" t="s">
        <v>8350</v>
      </c>
      <c r="B558" s="10" t="s">
        <v>1807</v>
      </c>
      <c r="C558" s="40">
        <v>1</v>
      </c>
      <c r="D558" s="17">
        <v>511</v>
      </c>
      <c r="E558" s="17">
        <v>1503</v>
      </c>
      <c r="F558" s="43" t="s">
        <v>728</v>
      </c>
      <c r="G558" s="26" t="s">
        <v>6800</v>
      </c>
      <c r="H558" s="43" t="s">
        <v>729</v>
      </c>
      <c r="I558" s="43" t="s">
        <v>4632</v>
      </c>
      <c r="J558" s="18">
        <v>35.604642822813901</v>
      </c>
      <c r="K558" s="18">
        <v>139.61393520087401</v>
      </c>
      <c r="L558" s="43" t="s">
        <v>2389</v>
      </c>
      <c r="M558" s="17" t="s">
        <v>5184</v>
      </c>
      <c r="N558" s="44" t="s">
        <v>10199</v>
      </c>
      <c r="O558" s="19">
        <v>1912</v>
      </c>
      <c r="P558" s="19">
        <v>1</v>
      </c>
      <c r="Q558" s="41"/>
      <c r="R558" s="23">
        <v>45065</v>
      </c>
    </row>
    <row r="559" spans="1:18" s="33" customFormat="1" x14ac:dyDescent="0.2">
      <c r="A559" s="42" t="s">
        <v>8351</v>
      </c>
      <c r="B559" s="10" t="s">
        <v>1807</v>
      </c>
      <c r="C559" s="40">
        <v>1</v>
      </c>
      <c r="D559" s="17">
        <v>511</v>
      </c>
      <c r="E559" s="17">
        <v>1503</v>
      </c>
      <c r="F559" s="43" t="s">
        <v>10003</v>
      </c>
      <c r="G559" s="26" t="s">
        <v>6801</v>
      </c>
      <c r="H559" s="43" t="s">
        <v>730</v>
      </c>
      <c r="I559" s="43" t="s">
        <v>4633</v>
      </c>
      <c r="J559" s="18">
        <v>35.585574650862597</v>
      </c>
      <c r="K559" s="18">
        <v>139.60417651380999</v>
      </c>
      <c r="L559" s="43" t="s">
        <v>2390</v>
      </c>
      <c r="M559" s="17" t="s">
        <v>5184</v>
      </c>
      <c r="N559" s="44" t="s">
        <v>10200</v>
      </c>
      <c r="O559" s="19">
        <v>1972</v>
      </c>
      <c r="P559" s="19">
        <v>1</v>
      </c>
      <c r="Q559" s="41"/>
      <c r="R559" s="23">
        <v>45065</v>
      </c>
    </row>
    <row r="560" spans="1:18" s="33" customFormat="1" x14ac:dyDescent="0.2">
      <c r="A560" s="42" t="s">
        <v>8352</v>
      </c>
      <c r="B560" s="10" t="s">
        <v>1807</v>
      </c>
      <c r="C560" s="40">
        <v>1</v>
      </c>
      <c r="D560" s="17">
        <v>511</v>
      </c>
      <c r="E560" s="17">
        <v>1503</v>
      </c>
      <c r="F560" s="43" t="s">
        <v>10004</v>
      </c>
      <c r="G560" s="26" t="s">
        <v>6802</v>
      </c>
      <c r="H560" s="43" t="s">
        <v>730</v>
      </c>
      <c r="I560" s="43" t="s">
        <v>4634</v>
      </c>
      <c r="J560" s="18">
        <v>35.587987801236899</v>
      </c>
      <c r="K560" s="18">
        <v>139.60228407776299</v>
      </c>
      <c r="L560" s="43" t="s">
        <v>2391</v>
      </c>
      <c r="M560" s="17" t="s">
        <v>5184</v>
      </c>
      <c r="N560" s="44" t="s">
        <v>10201</v>
      </c>
      <c r="O560" s="19">
        <v>1984</v>
      </c>
      <c r="P560" s="19">
        <v>1</v>
      </c>
      <c r="Q560" s="41"/>
      <c r="R560" s="23">
        <v>45065</v>
      </c>
    </row>
    <row r="561" spans="1:18" s="33" customFormat="1" x14ac:dyDescent="0.2">
      <c r="A561" s="42" t="s">
        <v>8353</v>
      </c>
      <c r="B561" s="10" t="s">
        <v>1807</v>
      </c>
      <c r="C561" s="40">
        <v>1</v>
      </c>
      <c r="D561" s="17">
        <v>511</v>
      </c>
      <c r="E561" s="17">
        <v>1503</v>
      </c>
      <c r="F561" s="43" t="s">
        <v>731</v>
      </c>
      <c r="G561" s="26" t="s">
        <v>6803</v>
      </c>
      <c r="H561" s="43" t="s">
        <v>732</v>
      </c>
      <c r="I561" s="43" t="s">
        <v>4635</v>
      </c>
      <c r="J561" s="18">
        <v>35.567754171083003</v>
      </c>
      <c r="K561" s="18">
        <v>139.61937640999099</v>
      </c>
      <c r="L561" s="43" t="s">
        <v>2392</v>
      </c>
      <c r="M561" s="17" t="s">
        <v>5184</v>
      </c>
      <c r="N561" s="44" t="s">
        <v>10202</v>
      </c>
      <c r="O561" s="19">
        <v>1969</v>
      </c>
      <c r="P561" s="19">
        <v>1</v>
      </c>
      <c r="Q561" s="41"/>
      <c r="R561" s="23">
        <v>45065</v>
      </c>
    </row>
    <row r="562" spans="1:18" s="33" customFormat="1" x14ac:dyDescent="0.2">
      <c r="A562" s="42" t="s">
        <v>8354</v>
      </c>
      <c r="B562" s="10" t="s">
        <v>1807</v>
      </c>
      <c r="C562" s="40">
        <v>1</v>
      </c>
      <c r="D562" s="17">
        <v>511</v>
      </c>
      <c r="E562" s="17">
        <v>1503</v>
      </c>
      <c r="F562" s="43" t="s">
        <v>733</v>
      </c>
      <c r="G562" s="26" t="s">
        <v>6804</v>
      </c>
      <c r="H562" s="43" t="s">
        <v>734</v>
      </c>
      <c r="I562" s="43" t="s">
        <v>4636</v>
      </c>
      <c r="J562" s="18">
        <v>35.597809850778702</v>
      </c>
      <c r="K562" s="18">
        <v>139.597648439056</v>
      </c>
      <c r="L562" s="43" t="s">
        <v>2393</v>
      </c>
      <c r="M562" s="17" t="s">
        <v>5184</v>
      </c>
      <c r="N562" s="44" t="s">
        <v>10203</v>
      </c>
      <c r="O562" s="19">
        <v>1969</v>
      </c>
      <c r="P562" s="19">
        <v>1</v>
      </c>
      <c r="Q562" s="41"/>
      <c r="R562" s="23">
        <v>45065</v>
      </c>
    </row>
    <row r="563" spans="1:18" s="33" customFormat="1" x14ac:dyDescent="0.2">
      <c r="A563" s="42" t="s">
        <v>8355</v>
      </c>
      <c r="B563" s="10" t="s">
        <v>1807</v>
      </c>
      <c r="C563" s="40">
        <v>1</v>
      </c>
      <c r="D563" s="17">
        <v>511</v>
      </c>
      <c r="E563" s="17">
        <v>1503</v>
      </c>
      <c r="F563" s="43" t="s">
        <v>735</v>
      </c>
      <c r="G563" s="26" t="s">
        <v>6805</v>
      </c>
      <c r="H563" s="43" t="s">
        <v>734</v>
      </c>
      <c r="I563" s="43" t="s">
        <v>10510</v>
      </c>
      <c r="J563" s="18">
        <v>35.596953427735002</v>
      </c>
      <c r="K563" s="18">
        <v>139.58963837496</v>
      </c>
      <c r="L563" s="43" t="s">
        <v>2394</v>
      </c>
      <c r="M563" s="17" t="s">
        <v>5184</v>
      </c>
      <c r="N563" s="44" t="s">
        <v>10204</v>
      </c>
      <c r="O563" s="19">
        <v>1986</v>
      </c>
      <c r="P563" s="19">
        <v>1</v>
      </c>
      <c r="Q563" s="41"/>
      <c r="R563" s="23">
        <v>45065</v>
      </c>
    </row>
    <row r="564" spans="1:18" s="33" customFormat="1" x14ac:dyDescent="0.2">
      <c r="A564" s="42" t="s">
        <v>8356</v>
      </c>
      <c r="B564" s="10" t="s">
        <v>1807</v>
      </c>
      <c r="C564" s="40">
        <v>1</v>
      </c>
      <c r="D564" s="17">
        <v>511</v>
      </c>
      <c r="E564" s="17">
        <v>1503</v>
      </c>
      <c r="F564" s="43" t="s">
        <v>736</v>
      </c>
      <c r="G564" s="26" t="s">
        <v>6806</v>
      </c>
      <c r="H564" s="43" t="s">
        <v>737</v>
      </c>
      <c r="I564" s="43" t="s">
        <v>4637</v>
      </c>
      <c r="J564" s="18">
        <v>35.611257984337897</v>
      </c>
      <c r="K564" s="18">
        <v>139.59999647933799</v>
      </c>
      <c r="L564" s="43" t="s">
        <v>2395</v>
      </c>
      <c r="M564" s="17" t="s">
        <v>5184</v>
      </c>
      <c r="N564" s="44" t="s">
        <v>10205</v>
      </c>
      <c r="O564" s="19">
        <v>1967</v>
      </c>
      <c r="P564" s="19">
        <v>1</v>
      </c>
      <c r="Q564" s="41"/>
      <c r="R564" s="23">
        <v>45065</v>
      </c>
    </row>
    <row r="565" spans="1:18" s="33" customFormat="1" x14ac:dyDescent="0.2">
      <c r="A565" s="42" t="s">
        <v>8357</v>
      </c>
      <c r="B565" s="10" t="s">
        <v>1807</v>
      </c>
      <c r="C565" s="40">
        <v>1</v>
      </c>
      <c r="D565" s="17">
        <v>511</v>
      </c>
      <c r="E565" s="17">
        <v>1503</v>
      </c>
      <c r="F565" s="43" t="s">
        <v>738</v>
      </c>
      <c r="G565" s="26" t="s">
        <v>6807</v>
      </c>
      <c r="H565" s="43" t="s">
        <v>10206</v>
      </c>
      <c r="I565" s="43" t="s">
        <v>10511</v>
      </c>
      <c r="J565" s="18">
        <v>35.573649921236999</v>
      </c>
      <c r="K565" s="18">
        <v>139.60986845250599</v>
      </c>
      <c r="L565" s="43" t="s">
        <v>2396</v>
      </c>
      <c r="M565" s="17" t="s">
        <v>5184</v>
      </c>
      <c r="N565" s="44" t="s">
        <v>10207</v>
      </c>
      <c r="O565" s="19">
        <v>1873</v>
      </c>
      <c r="P565" s="19">
        <v>1</v>
      </c>
      <c r="Q565" s="41"/>
      <c r="R565" s="23">
        <v>45065</v>
      </c>
    </row>
    <row r="566" spans="1:18" s="33" customFormat="1" x14ac:dyDescent="0.2">
      <c r="A566" s="42" t="s">
        <v>8358</v>
      </c>
      <c r="B566" s="10" t="s">
        <v>1807</v>
      </c>
      <c r="C566" s="40">
        <v>1</v>
      </c>
      <c r="D566" s="17">
        <v>511</v>
      </c>
      <c r="E566" s="17">
        <v>1503</v>
      </c>
      <c r="F566" s="43" t="s">
        <v>739</v>
      </c>
      <c r="G566" s="26" t="s">
        <v>6808</v>
      </c>
      <c r="H566" s="43" t="s">
        <v>10208</v>
      </c>
      <c r="I566" s="43" t="s">
        <v>10512</v>
      </c>
      <c r="J566" s="18">
        <v>35.574628726655</v>
      </c>
      <c r="K566" s="18">
        <v>139.60670045973799</v>
      </c>
      <c r="L566" s="43" t="s">
        <v>2397</v>
      </c>
      <c r="M566" s="17" t="s">
        <v>5184</v>
      </c>
      <c r="N566" s="44" t="s">
        <v>10209</v>
      </c>
      <c r="O566" s="19">
        <v>1980</v>
      </c>
      <c r="P566" s="19">
        <v>1</v>
      </c>
      <c r="Q566" s="41"/>
      <c r="R566" s="23">
        <v>45065</v>
      </c>
    </row>
    <row r="567" spans="1:18" s="33" customFormat="1" x14ac:dyDescent="0.2">
      <c r="A567" s="42" t="s">
        <v>8359</v>
      </c>
      <c r="B567" s="10" t="s">
        <v>1807</v>
      </c>
      <c r="C567" s="40">
        <v>1</v>
      </c>
      <c r="D567" s="17">
        <v>511</v>
      </c>
      <c r="E567" s="17">
        <v>1503</v>
      </c>
      <c r="F567" s="43" t="s">
        <v>740</v>
      </c>
      <c r="G567" s="26" t="s">
        <v>6809</v>
      </c>
      <c r="H567" s="43" t="s">
        <v>10005</v>
      </c>
      <c r="I567" s="43" t="s">
        <v>10513</v>
      </c>
      <c r="J567" s="18">
        <v>35.566785688092899</v>
      </c>
      <c r="K567" s="18">
        <v>139.60344254943101</v>
      </c>
      <c r="L567" s="43" t="s">
        <v>2398</v>
      </c>
      <c r="M567" s="17" t="s">
        <v>5184</v>
      </c>
      <c r="N567" s="44" t="s">
        <v>10210</v>
      </c>
      <c r="O567" s="19">
        <v>1973</v>
      </c>
      <c r="P567" s="19">
        <v>1</v>
      </c>
      <c r="Q567" s="41"/>
      <c r="R567" s="23">
        <v>45065</v>
      </c>
    </row>
    <row r="568" spans="1:18" s="33" customFormat="1" x14ac:dyDescent="0.2">
      <c r="A568" s="42" t="s">
        <v>8360</v>
      </c>
      <c r="B568" s="10" t="s">
        <v>1807</v>
      </c>
      <c r="C568" s="40">
        <v>1</v>
      </c>
      <c r="D568" s="17">
        <v>511</v>
      </c>
      <c r="E568" s="17">
        <v>1503</v>
      </c>
      <c r="F568" s="43" t="s">
        <v>741</v>
      </c>
      <c r="G568" s="26" t="s">
        <v>6810</v>
      </c>
      <c r="H568" s="43" t="s">
        <v>742</v>
      </c>
      <c r="I568" s="43" t="s">
        <v>4638</v>
      </c>
      <c r="J568" s="18">
        <v>35.579782616035203</v>
      </c>
      <c r="K568" s="18">
        <v>139.587833936843</v>
      </c>
      <c r="L568" s="43" t="s">
        <v>2399</v>
      </c>
      <c r="M568" s="17" t="s">
        <v>5184</v>
      </c>
      <c r="N568" s="44" t="s">
        <v>10211</v>
      </c>
      <c r="O568" s="19">
        <v>1873</v>
      </c>
      <c r="P568" s="19">
        <v>1</v>
      </c>
      <c r="Q568" s="41"/>
      <c r="R568" s="23">
        <v>45065</v>
      </c>
    </row>
    <row r="569" spans="1:18" s="33" customFormat="1" x14ac:dyDescent="0.2">
      <c r="A569" s="42" t="s">
        <v>8361</v>
      </c>
      <c r="B569" s="10" t="s">
        <v>1807</v>
      </c>
      <c r="C569" s="40">
        <v>1</v>
      </c>
      <c r="D569" s="17">
        <v>511</v>
      </c>
      <c r="E569" s="17">
        <v>1503</v>
      </c>
      <c r="F569" s="43" t="s">
        <v>743</v>
      </c>
      <c r="G569" s="26" t="s">
        <v>6811</v>
      </c>
      <c r="H569" s="43" t="s">
        <v>744</v>
      </c>
      <c r="I569" s="43" t="s">
        <v>4639</v>
      </c>
      <c r="J569" s="18">
        <v>35.577275105582501</v>
      </c>
      <c r="K569" s="18">
        <v>139.56853656264099</v>
      </c>
      <c r="L569" s="43" t="s">
        <v>2400</v>
      </c>
      <c r="M569" s="17" t="s">
        <v>5184</v>
      </c>
      <c r="N569" s="44" t="s">
        <v>10212</v>
      </c>
      <c r="O569" s="19">
        <v>1977</v>
      </c>
      <c r="P569" s="19">
        <v>1</v>
      </c>
      <c r="Q569" s="41"/>
      <c r="R569" s="23">
        <v>45065</v>
      </c>
    </row>
    <row r="570" spans="1:18" s="33" customFormat="1" x14ac:dyDescent="0.2">
      <c r="A570" s="42" t="s">
        <v>8362</v>
      </c>
      <c r="B570" s="10" t="s">
        <v>1807</v>
      </c>
      <c r="C570" s="40">
        <v>1</v>
      </c>
      <c r="D570" s="17">
        <v>511</v>
      </c>
      <c r="E570" s="17">
        <v>1503</v>
      </c>
      <c r="F570" s="43" t="s">
        <v>745</v>
      </c>
      <c r="G570" s="26" t="s">
        <v>6812</v>
      </c>
      <c r="H570" s="43" t="s">
        <v>746</v>
      </c>
      <c r="I570" s="43" t="s">
        <v>4640</v>
      </c>
      <c r="J570" s="18">
        <v>35.568074171968703</v>
      </c>
      <c r="K570" s="18">
        <v>139.59160680699699</v>
      </c>
      <c r="L570" s="43" t="s">
        <v>2401</v>
      </c>
      <c r="M570" s="17" t="s">
        <v>5184</v>
      </c>
      <c r="N570" s="44" t="s">
        <v>10213</v>
      </c>
      <c r="O570" s="19">
        <v>1972</v>
      </c>
      <c r="P570" s="19">
        <v>1</v>
      </c>
      <c r="Q570" s="41"/>
      <c r="R570" s="23">
        <v>45065</v>
      </c>
    </row>
    <row r="571" spans="1:18" s="33" customFormat="1" x14ac:dyDescent="0.2">
      <c r="A571" s="42" t="s">
        <v>8363</v>
      </c>
      <c r="B571" s="10" t="s">
        <v>1807</v>
      </c>
      <c r="C571" s="40">
        <v>1</v>
      </c>
      <c r="D571" s="17">
        <v>511</v>
      </c>
      <c r="E571" s="17">
        <v>1503</v>
      </c>
      <c r="F571" s="43" t="s">
        <v>747</v>
      </c>
      <c r="G571" s="26" t="s">
        <v>6813</v>
      </c>
      <c r="H571" s="43" t="s">
        <v>748</v>
      </c>
      <c r="I571" s="43" t="s">
        <v>4641</v>
      </c>
      <c r="J571" s="18">
        <v>35.571259548655398</v>
      </c>
      <c r="K571" s="18">
        <v>139.57645440913001</v>
      </c>
      <c r="L571" s="43" t="s">
        <v>2402</v>
      </c>
      <c r="M571" s="17" t="s">
        <v>5184</v>
      </c>
      <c r="N571" s="44" t="s">
        <v>10214</v>
      </c>
      <c r="O571" s="19">
        <v>1978</v>
      </c>
      <c r="P571" s="19">
        <v>1</v>
      </c>
      <c r="Q571" s="41"/>
      <c r="R571" s="23">
        <v>45065</v>
      </c>
    </row>
    <row r="572" spans="1:18" s="33" customFormat="1" x14ac:dyDescent="0.2">
      <c r="A572" s="42" t="s">
        <v>8364</v>
      </c>
      <c r="B572" s="10" t="s">
        <v>1807</v>
      </c>
      <c r="C572" s="40">
        <v>1</v>
      </c>
      <c r="D572" s="17">
        <v>511</v>
      </c>
      <c r="E572" s="17">
        <v>1503</v>
      </c>
      <c r="F572" s="43" t="s">
        <v>749</v>
      </c>
      <c r="G572" s="26" t="s">
        <v>6814</v>
      </c>
      <c r="H572" s="43" t="s">
        <v>750</v>
      </c>
      <c r="I572" s="43" t="s">
        <v>4642</v>
      </c>
      <c r="J572" s="18">
        <v>35.5882391926663</v>
      </c>
      <c r="K572" s="18">
        <v>139.57949569490901</v>
      </c>
      <c r="L572" s="43" t="s">
        <v>2403</v>
      </c>
      <c r="M572" s="17" t="s">
        <v>5184</v>
      </c>
      <c r="N572" s="44" t="s">
        <v>10215</v>
      </c>
      <c r="O572" s="19">
        <v>1972</v>
      </c>
      <c r="P572" s="19">
        <v>1</v>
      </c>
      <c r="Q572" s="41"/>
      <c r="R572" s="23">
        <v>45065</v>
      </c>
    </row>
    <row r="573" spans="1:18" s="33" customFormat="1" x14ac:dyDescent="0.2">
      <c r="A573" s="42" t="s">
        <v>8365</v>
      </c>
      <c r="B573" s="10" t="s">
        <v>1807</v>
      </c>
      <c r="C573" s="40">
        <v>1</v>
      </c>
      <c r="D573" s="17">
        <v>511</v>
      </c>
      <c r="E573" s="17">
        <v>1503</v>
      </c>
      <c r="F573" s="43" t="s">
        <v>751</v>
      </c>
      <c r="G573" s="26" t="s">
        <v>6815</v>
      </c>
      <c r="H573" s="43" t="s">
        <v>750</v>
      </c>
      <c r="I573" s="43" t="s">
        <v>4643</v>
      </c>
      <c r="J573" s="18">
        <v>35.588991084390599</v>
      </c>
      <c r="K573" s="18">
        <v>139.58589503871099</v>
      </c>
      <c r="L573" s="43" t="s">
        <v>2404</v>
      </c>
      <c r="M573" s="17" t="s">
        <v>5184</v>
      </c>
      <c r="N573" s="44" t="s">
        <v>10216</v>
      </c>
      <c r="O573" s="19">
        <v>1980</v>
      </c>
      <c r="P573" s="19">
        <v>1</v>
      </c>
      <c r="Q573" s="41"/>
      <c r="R573" s="23">
        <v>45065</v>
      </c>
    </row>
    <row r="574" spans="1:18" s="33" customFormat="1" x14ac:dyDescent="0.2">
      <c r="A574" s="42" t="s">
        <v>8366</v>
      </c>
      <c r="B574" s="10" t="s">
        <v>1807</v>
      </c>
      <c r="C574" s="40">
        <v>1</v>
      </c>
      <c r="D574" s="17">
        <v>511</v>
      </c>
      <c r="E574" s="17">
        <v>1503</v>
      </c>
      <c r="F574" s="43" t="s">
        <v>752</v>
      </c>
      <c r="G574" s="26" t="s">
        <v>6816</v>
      </c>
      <c r="H574" s="43" t="s">
        <v>753</v>
      </c>
      <c r="I574" s="43" t="s">
        <v>4644</v>
      </c>
      <c r="J574" s="18">
        <v>35.5924119906499</v>
      </c>
      <c r="K574" s="18">
        <v>139.58951212288599</v>
      </c>
      <c r="L574" s="43" t="s">
        <v>2405</v>
      </c>
      <c r="M574" s="17" t="s">
        <v>5184</v>
      </c>
      <c r="N574" s="44" t="s">
        <v>10217</v>
      </c>
      <c r="O574" s="19">
        <v>1975</v>
      </c>
      <c r="P574" s="19">
        <v>1</v>
      </c>
      <c r="Q574" s="41"/>
      <c r="R574" s="23">
        <v>45065</v>
      </c>
    </row>
    <row r="575" spans="1:18" s="33" customFormat="1" x14ac:dyDescent="0.2">
      <c r="A575" s="42" t="s">
        <v>8367</v>
      </c>
      <c r="B575" s="10" t="s">
        <v>1807</v>
      </c>
      <c r="C575" s="40">
        <v>1</v>
      </c>
      <c r="D575" s="17">
        <v>511</v>
      </c>
      <c r="E575" s="17">
        <v>1503</v>
      </c>
      <c r="F575" s="43" t="s">
        <v>754</v>
      </c>
      <c r="G575" s="26" t="s">
        <v>6817</v>
      </c>
      <c r="H575" s="43" t="s">
        <v>755</v>
      </c>
      <c r="I575" s="43" t="s">
        <v>4645</v>
      </c>
      <c r="J575" s="18">
        <v>35.600353547842801</v>
      </c>
      <c r="K575" s="18">
        <v>139.576200295597</v>
      </c>
      <c r="L575" s="43" t="s">
        <v>2406</v>
      </c>
      <c r="M575" s="17" t="s">
        <v>5184</v>
      </c>
      <c r="N575" s="44" t="s">
        <v>10218</v>
      </c>
      <c r="O575" s="19">
        <v>1872</v>
      </c>
      <c r="P575" s="19">
        <v>1</v>
      </c>
      <c r="Q575" s="41"/>
      <c r="R575" s="23">
        <v>45065</v>
      </c>
    </row>
    <row r="576" spans="1:18" s="33" customFormat="1" x14ac:dyDescent="0.2">
      <c r="A576" s="42" t="s">
        <v>8368</v>
      </c>
      <c r="B576" s="10" t="s">
        <v>1807</v>
      </c>
      <c r="C576" s="40">
        <v>1</v>
      </c>
      <c r="D576" s="17">
        <v>511</v>
      </c>
      <c r="E576" s="17">
        <v>1503</v>
      </c>
      <c r="F576" s="43" t="s">
        <v>756</v>
      </c>
      <c r="G576" s="26" t="s">
        <v>6818</v>
      </c>
      <c r="H576" s="43" t="s">
        <v>755</v>
      </c>
      <c r="I576" s="43" t="s">
        <v>4646</v>
      </c>
      <c r="J576" s="18">
        <v>35.595274775111797</v>
      </c>
      <c r="K576" s="18">
        <v>139.57996692917601</v>
      </c>
      <c r="L576" s="43" t="s">
        <v>2407</v>
      </c>
      <c r="M576" s="17" t="s">
        <v>5184</v>
      </c>
      <c r="N576" s="44" t="s">
        <v>10219</v>
      </c>
      <c r="O576" s="19">
        <v>1977</v>
      </c>
      <c r="P576" s="19">
        <v>1</v>
      </c>
      <c r="Q576" s="41"/>
      <c r="R576" s="23">
        <v>45065</v>
      </c>
    </row>
    <row r="577" spans="1:18" s="33" customFormat="1" x14ac:dyDescent="0.2">
      <c r="A577" s="42" t="s">
        <v>8369</v>
      </c>
      <c r="B577" s="10" t="s">
        <v>1807</v>
      </c>
      <c r="C577" s="40">
        <v>1</v>
      </c>
      <c r="D577" s="17">
        <v>511</v>
      </c>
      <c r="E577" s="17">
        <v>1503</v>
      </c>
      <c r="F577" s="43" t="s">
        <v>757</v>
      </c>
      <c r="G577" s="26" t="s">
        <v>6819</v>
      </c>
      <c r="H577" s="43" t="s">
        <v>758</v>
      </c>
      <c r="I577" s="43" t="s">
        <v>4647</v>
      </c>
      <c r="J577" s="18">
        <v>35.595634157817202</v>
      </c>
      <c r="K577" s="18">
        <v>139.56771364878901</v>
      </c>
      <c r="L577" s="43" t="s">
        <v>2408</v>
      </c>
      <c r="M577" s="17" t="s">
        <v>5184</v>
      </c>
      <c r="N577" s="44" t="s">
        <v>10220</v>
      </c>
      <c r="O577" s="19">
        <v>1972</v>
      </c>
      <c r="P577" s="19">
        <v>1</v>
      </c>
      <c r="Q577" s="41"/>
      <c r="R577" s="23">
        <v>45065</v>
      </c>
    </row>
    <row r="578" spans="1:18" s="33" customFormat="1" x14ac:dyDescent="0.2">
      <c r="A578" s="42" t="s">
        <v>8370</v>
      </c>
      <c r="B578" s="10" t="s">
        <v>1807</v>
      </c>
      <c r="C578" s="40">
        <v>1</v>
      </c>
      <c r="D578" s="17">
        <v>511</v>
      </c>
      <c r="E578" s="17">
        <v>1503</v>
      </c>
      <c r="F578" s="43" t="s">
        <v>759</v>
      </c>
      <c r="G578" s="26" t="s">
        <v>6820</v>
      </c>
      <c r="H578" s="43" t="s">
        <v>760</v>
      </c>
      <c r="I578" s="43" t="s">
        <v>4648</v>
      </c>
      <c r="J578" s="18">
        <v>35.598052567289599</v>
      </c>
      <c r="K578" s="18">
        <v>139.556812449304</v>
      </c>
      <c r="L578" s="43" t="s">
        <v>2409</v>
      </c>
      <c r="M578" s="17" t="s">
        <v>5184</v>
      </c>
      <c r="N578" s="44" t="s">
        <v>10221</v>
      </c>
      <c r="O578" s="19">
        <v>1967</v>
      </c>
      <c r="P578" s="19">
        <v>1</v>
      </c>
      <c r="Q578" s="41"/>
      <c r="R578" s="23">
        <v>45065</v>
      </c>
    </row>
    <row r="579" spans="1:18" s="33" customFormat="1" x14ac:dyDescent="0.2">
      <c r="A579" s="42" t="s">
        <v>8371</v>
      </c>
      <c r="B579" s="10" t="s">
        <v>1807</v>
      </c>
      <c r="C579" s="40">
        <v>1</v>
      </c>
      <c r="D579" s="17">
        <v>511</v>
      </c>
      <c r="E579" s="17">
        <v>1503</v>
      </c>
      <c r="F579" s="43" t="s">
        <v>761</v>
      </c>
      <c r="G579" s="26" t="s">
        <v>6821</v>
      </c>
      <c r="H579" s="43" t="s">
        <v>762</v>
      </c>
      <c r="I579" s="43" t="s">
        <v>4649</v>
      </c>
      <c r="J579" s="18">
        <v>35.595700095939499</v>
      </c>
      <c r="K579" s="18">
        <v>139.54275176432199</v>
      </c>
      <c r="L579" s="43" t="s">
        <v>2410</v>
      </c>
      <c r="M579" s="17" t="s">
        <v>5184</v>
      </c>
      <c r="N579" s="44" t="s">
        <v>10222</v>
      </c>
      <c r="O579" s="19">
        <v>1986</v>
      </c>
      <c r="P579" s="19">
        <v>1</v>
      </c>
      <c r="Q579" s="41"/>
      <c r="R579" s="23">
        <v>45065</v>
      </c>
    </row>
    <row r="580" spans="1:18" s="33" customFormat="1" x14ac:dyDescent="0.2">
      <c r="A580" s="42" t="s">
        <v>8372</v>
      </c>
      <c r="B580" s="10" t="s">
        <v>1807</v>
      </c>
      <c r="C580" s="40">
        <v>1</v>
      </c>
      <c r="D580" s="17">
        <v>511</v>
      </c>
      <c r="E580" s="17">
        <v>1503</v>
      </c>
      <c r="F580" s="43" t="s">
        <v>763</v>
      </c>
      <c r="G580" s="26" t="s">
        <v>6822</v>
      </c>
      <c r="H580" s="43" t="s">
        <v>1683</v>
      </c>
      <c r="I580" s="43" t="s">
        <v>4650</v>
      </c>
      <c r="J580" s="18">
        <v>35.591308477624104</v>
      </c>
      <c r="K580" s="18">
        <v>139.56562877636901</v>
      </c>
      <c r="L580" s="43" t="s">
        <v>2411</v>
      </c>
      <c r="M580" s="17" t="s">
        <v>5184</v>
      </c>
      <c r="N580" s="44" t="s">
        <v>10223</v>
      </c>
      <c r="O580" s="19">
        <v>1976</v>
      </c>
      <c r="P580" s="19">
        <v>1</v>
      </c>
      <c r="Q580" s="41"/>
      <c r="R580" s="23">
        <v>45065</v>
      </c>
    </row>
    <row r="581" spans="1:18" s="33" customFormat="1" x14ac:dyDescent="0.2">
      <c r="A581" s="42" t="s">
        <v>8373</v>
      </c>
      <c r="B581" s="10" t="s">
        <v>1807</v>
      </c>
      <c r="C581" s="40">
        <v>1</v>
      </c>
      <c r="D581" s="17">
        <v>511</v>
      </c>
      <c r="E581" s="17">
        <v>1503</v>
      </c>
      <c r="F581" s="43" t="s">
        <v>764</v>
      </c>
      <c r="G581" s="26" t="s">
        <v>6823</v>
      </c>
      <c r="H581" s="43" t="s">
        <v>765</v>
      </c>
      <c r="I581" s="43" t="s">
        <v>4651</v>
      </c>
      <c r="J581" s="18">
        <v>35.5829277933844</v>
      </c>
      <c r="K581" s="18">
        <v>139.57545824967701</v>
      </c>
      <c r="L581" s="43" t="s">
        <v>2412</v>
      </c>
      <c r="M581" s="17" t="s">
        <v>5184</v>
      </c>
      <c r="N581" s="44" t="s">
        <v>10224</v>
      </c>
      <c r="O581" s="19">
        <v>2006</v>
      </c>
      <c r="P581" s="19">
        <v>1</v>
      </c>
      <c r="Q581" s="41"/>
      <c r="R581" s="23">
        <v>45065</v>
      </c>
    </row>
    <row r="582" spans="1:18" s="33" customFormat="1" x14ac:dyDescent="0.2">
      <c r="A582" s="42" t="s">
        <v>8374</v>
      </c>
      <c r="B582" s="10" t="s">
        <v>1807</v>
      </c>
      <c r="C582" s="40">
        <v>1</v>
      </c>
      <c r="D582" s="17">
        <v>511</v>
      </c>
      <c r="E582" s="17">
        <v>1503</v>
      </c>
      <c r="F582" s="43" t="s">
        <v>766</v>
      </c>
      <c r="G582" s="26" t="s">
        <v>6824</v>
      </c>
      <c r="H582" s="43" t="s">
        <v>767</v>
      </c>
      <c r="I582" s="43" t="s">
        <v>4652</v>
      </c>
      <c r="J582" s="18">
        <v>35.612927422629198</v>
      </c>
      <c r="K582" s="18">
        <v>139.57974843589</v>
      </c>
      <c r="L582" s="43" t="s">
        <v>2413</v>
      </c>
      <c r="M582" s="17" t="s">
        <v>5184</v>
      </c>
      <c r="N582" s="44" t="s">
        <v>10225</v>
      </c>
      <c r="O582" s="19">
        <v>1879</v>
      </c>
      <c r="P582" s="19">
        <v>1</v>
      </c>
      <c r="Q582" s="41"/>
      <c r="R582" s="23">
        <v>45065</v>
      </c>
    </row>
    <row r="583" spans="1:18" s="33" customFormat="1" x14ac:dyDescent="0.2">
      <c r="A583" s="42" t="s">
        <v>8375</v>
      </c>
      <c r="B583" s="10" t="s">
        <v>1807</v>
      </c>
      <c r="C583" s="40">
        <v>1</v>
      </c>
      <c r="D583" s="17">
        <v>511</v>
      </c>
      <c r="E583" s="17">
        <v>1503</v>
      </c>
      <c r="F583" s="43" t="s">
        <v>768</v>
      </c>
      <c r="G583" s="26" t="s">
        <v>6825</v>
      </c>
      <c r="H583" s="43" t="s">
        <v>769</v>
      </c>
      <c r="I583" s="43" t="s">
        <v>4653</v>
      </c>
      <c r="J583" s="18">
        <v>35.605911042470503</v>
      </c>
      <c r="K583" s="18">
        <v>139.581727715423</v>
      </c>
      <c r="L583" s="43" t="s">
        <v>2414</v>
      </c>
      <c r="M583" s="17" t="s">
        <v>5184</v>
      </c>
      <c r="N583" s="44" t="s">
        <v>10226</v>
      </c>
      <c r="O583" s="19">
        <v>1982</v>
      </c>
      <c r="P583" s="19">
        <v>1</v>
      </c>
      <c r="Q583" s="41"/>
      <c r="R583" s="23">
        <v>45065</v>
      </c>
    </row>
    <row r="584" spans="1:18" s="33" customFormat="1" x14ac:dyDescent="0.2">
      <c r="A584" s="42" t="s">
        <v>8376</v>
      </c>
      <c r="B584" s="10" t="s">
        <v>1807</v>
      </c>
      <c r="C584" s="40">
        <v>1</v>
      </c>
      <c r="D584" s="17">
        <v>511</v>
      </c>
      <c r="E584" s="17">
        <v>1503</v>
      </c>
      <c r="F584" s="43" t="s">
        <v>770</v>
      </c>
      <c r="G584" s="26" t="s">
        <v>6826</v>
      </c>
      <c r="H584" s="43" t="s">
        <v>767</v>
      </c>
      <c r="I584" s="43" t="s">
        <v>4654</v>
      </c>
      <c r="J584" s="18">
        <v>35.616484302312003</v>
      </c>
      <c r="K584" s="18">
        <v>139.57462106193199</v>
      </c>
      <c r="L584" s="43" t="s">
        <v>2415</v>
      </c>
      <c r="M584" s="17" t="s">
        <v>5184</v>
      </c>
      <c r="N584" s="44" t="s">
        <v>10227</v>
      </c>
      <c r="O584" s="19">
        <v>1974</v>
      </c>
      <c r="P584" s="19">
        <v>1</v>
      </c>
      <c r="Q584" s="41"/>
      <c r="R584" s="23">
        <v>45065</v>
      </c>
    </row>
    <row r="585" spans="1:18" s="33" customFormat="1" x14ac:dyDescent="0.2">
      <c r="A585" s="42" t="s">
        <v>8377</v>
      </c>
      <c r="B585" s="10" t="s">
        <v>1807</v>
      </c>
      <c r="C585" s="40">
        <v>1</v>
      </c>
      <c r="D585" s="17">
        <v>511</v>
      </c>
      <c r="E585" s="17">
        <v>1503</v>
      </c>
      <c r="F585" s="43" t="s">
        <v>771</v>
      </c>
      <c r="G585" s="26" t="s">
        <v>6827</v>
      </c>
      <c r="H585" s="43" t="s">
        <v>772</v>
      </c>
      <c r="I585" s="43" t="s">
        <v>4655</v>
      </c>
      <c r="J585" s="18">
        <v>35.6224511209331</v>
      </c>
      <c r="K585" s="18">
        <v>139.558630596885</v>
      </c>
      <c r="L585" s="43" t="s">
        <v>2416</v>
      </c>
      <c r="M585" s="17" t="s">
        <v>5184</v>
      </c>
      <c r="N585" s="44" t="s">
        <v>10228</v>
      </c>
      <c r="O585" s="19">
        <v>1873</v>
      </c>
      <c r="P585" s="19">
        <v>1</v>
      </c>
      <c r="Q585" s="41"/>
      <c r="R585" s="23">
        <v>45065</v>
      </c>
    </row>
    <row r="586" spans="1:18" s="33" customFormat="1" x14ac:dyDescent="0.2">
      <c r="A586" s="42" t="s">
        <v>8378</v>
      </c>
      <c r="B586" s="10" t="s">
        <v>1807</v>
      </c>
      <c r="C586" s="40">
        <v>1</v>
      </c>
      <c r="D586" s="17">
        <v>511</v>
      </c>
      <c r="E586" s="17">
        <v>1503</v>
      </c>
      <c r="F586" s="43" t="s">
        <v>773</v>
      </c>
      <c r="G586" s="26" t="s">
        <v>6828</v>
      </c>
      <c r="H586" s="43" t="s">
        <v>774</v>
      </c>
      <c r="I586" s="43" t="s">
        <v>4656</v>
      </c>
      <c r="J586" s="18">
        <v>35.629194345214799</v>
      </c>
      <c r="K586" s="18">
        <v>139.551749105581</v>
      </c>
      <c r="L586" s="43" t="s">
        <v>2417</v>
      </c>
      <c r="M586" s="17" t="s">
        <v>5184</v>
      </c>
      <c r="N586" s="44" t="s">
        <v>10229</v>
      </c>
      <c r="O586" s="19">
        <v>1960</v>
      </c>
      <c r="P586" s="19">
        <v>1</v>
      </c>
      <c r="Q586" s="41"/>
      <c r="R586" s="23">
        <v>45065</v>
      </c>
    </row>
    <row r="587" spans="1:18" s="33" customFormat="1" x14ac:dyDescent="0.2">
      <c r="A587" s="42" t="s">
        <v>8379</v>
      </c>
      <c r="B587" s="10" t="s">
        <v>1807</v>
      </c>
      <c r="C587" s="40">
        <v>1</v>
      </c>
      <c r="D587" s="17">
        <v>511</v>
      </c>
      <c r="E587" s="17">
        <v>1503</v>
      </c>
      <c r="F587" s="43" t="s">
        <v>775</v>
      </c>
      <c r="G587" s="26" t="s">
        <v>6829</v>
      </c>
      <c r="H587" s="43" t="s">
        <v>776</v>
      </c>
      <c r="I587" s="43" t="s">
        <v>4657</v>
      </c>
      <c r="J587" s="18">
        <v>35.631655618443098</v>
      </c>
      <c r="K587" s="18">
        <v>139.54634304935999</v>
      </c>
      <c r="L587" s="43" t="s">
        <v>2418</v>
      </c>
      <c r="M587" s="17" t="s">
        <v>5184</v>
      </c>
      <c r="N587" s="44" t="s">
        <v>10230</v>
      </c>
      <c r="O587" s="19">
        <v>1979</v>
      </c>
      <c r="P587" s="19">
        <v>1</v>
      </c>
      <c r="Q587" s="41"/>
      <c r="R587" s="23">
        <v>45065</v>
      </c>
    </row>
    <row r="588" spans="1:18" s="33" customFormat="1" x14ac:dyDescent="0.2">
      <c r="A588" s="42" t="s">
        <v>8380</v>
      </c>
      <c r="B588" s="10" t="s">
        <v>1807</v>
      </c>
      <c r="C588" s="40">
        <v>1</v>
      </c>
      <c r="D588" s="17">
        <v>511</v>
      </c>
      <c r="E588" s="17">
        <v>1503</v>
      </c>
      <c r="F588" s="43" t="s">
        <v>777</v>
      </c>
      <c r="G588" s="26" t="s">
        <v>6830</v>
      </c>
      <c r="H588" s="43" t="s">
        <v>778</v>
      </c>
      <c r="I588" s="43" t="s">
        <v>4658</v>
      </c>
      <c r="J588" s="18">
        <v>35.626814729482597</v>
      </c>
      <c r="K588" s="18">
        <v>139.53737275470601</v>
      </c>
      <c r="L588" s="43" t="s">
        <v>2419</v>
      </c>
      <c r="M588" s="17" t="s">
        <v>5184</v>
      </c>
      <c r="N588" s="44" t="s">
        <v>10231</v>
      </c>
      <c r="O588" s="19">
        <v>1970</v>
      </c>
      <c r="P588" s="19">
        <v>1</v>
      </c>
      <c r="Q588" s="41"/>
      <c r="R588" s="23">
        <v>45065</v>
      </c>
    </row>
    <row r="589" spans="1:18" s="33" customFormat="1" x14ac:dyDescent="0.2">
      <c r="A589" s="42" t="s">
        <v>8381</v>
      </c>
      <c r="B589" s="10" t="s">
        <v>1807</v>
      </c>
      <c r="C589" s="40">
        <v>1</v>
      </c>
      <c r="D589" s="17">
        <v>511</v>
      </c>
      <c r="E589" s="17">
        <v>1503</v>
      </c>
      <c r="F589" s="43" t="s">
        <v>779</v>
      </c>
      <c r="G589" s="26" t="s">
        <v>6831</v>
      </c>
      <c r="H589" s="43" t="s">
        <v>778</v>
      </c>
      <c r="I589" s="43" t="s">
        <v>4659</v>
      </c>
      <c r="J589" s="18">
        <v>35.622955012874698</v>
      </c>
      <c r="K589" s="18">
        <v>139.53171197307901</v>
      </c>
      <c r="L589" s="43" t="s">
        <v>2420</v>
      </c>
      <c r="M589" s="17" t="s">
        <v>5184</v>
      </c>
      <c r="N589" s="44" t="s">
        <v>10232</v>
      </c>
      <c r="O589" s="19">
        <v>1985</v>
      </c>
      <c r="P589" s="19">
        <v>1</v>
      </c>
      <c r="Q589" s="41"/>
      <c r="R589" s="23">
        <v>45065</v>
      </c>
    </row>
    <row r="590" spans="1:18" s="33" customFormat="1" x14ac:dyDescent="0.2">
      <c r="A590" s="42" t="s">
        <v>8382</v>
      </c>
      <c r="B590" s="10" t="s">
        <v>1807</v>
      </c>
      <c r="C590" s="40">
        <v>1</v>
      </c>
      <c r="D590" s="17">
        <v>511</v>
      </c>
      <c r="E590" s="17">
        <v>1503</v>
      </c>
      <c r="F590" s="43" t="s">
        <v>780</v>
      </c>
      <c r="G590" s="26" t="s">
        <v>6832</v>
      </c>
      <c r="H590" s="43" t="s">
        <v>781</v>
      </c>
      <c r="I590" s="43" t="s">
        <v>4660</v>
      </c>
      <c r="J590" s="18">
        <v>35.627205205734001</v>
      </c>
      <c r="K590" s="18">
        <v>139.53083893275999</v>
      </c>
      <c r="L590" s="43" t="s">
        <v>2421</v>
      </c>
      <c r="M590" s="17" t="s">
        <v>5184</v>
      </c>
      <c r="N590" s="44" t="s">
        <v>10233</v>
      </c>
      <c r="O590" s="19">
        <v>1990</v>
      </c>
      <c r="P590" s="19">
        <v>1</v>
      </c>
      <c r="Q590" s="41"/>
      <c r="R590" s="23">
        <v>45065</v>
      </c>
    </row>
    <row r="591" spans="1:18" s="33" customFormat="1" x14ac:dyDescent="0.2">
      <c r="A591" s="42" t="s">
        <v>8383</v>
      </c>
      <c r="B591" s="10" t="s">
        <v>1807</v>
      </c>
      <c r="C591" s="40">
        <v>1</v>
      </c>
      <c r="D591" s="17">
        <v>511</v>
      </c>
      <c r="E591" s="17">
        <v>1503</v>
      </c>
      <c r="F591" s="43" t="s">
        <v>782</v>
      </c>
      <c r="G591" s="26" t="s">
        <v>6833</v>
      </c>
      <c r="H591" s="43" t="s">
        <v>783</v>
      </c>
      <c r="I591" s="43" t="s">
        <v>4661</v>
      </c>
      <c r="J591" s="18">
        <v>35.632644469038297</v>
      </c>
      <c r="K591" s="18">
        <v>139.53241844212499</v>
      </c>
      <c r="L591" s="43" t="s">
        <v>2422</v>
      </c>
      <c r="M591" s="17" t="s">
        <v>5184</v>
      </c>
      <c r="N591" s="44" t="s">
        <v>10234</v>
      </c>
      <c r="O591" s="19">
        <v>1874</v>
      </c>
      <c r="P591" s="19">
        <v>1</v>
      </c>
      <c r="Q591" s="41"/>
      <c r="R591" s="23">
        <v>45065</v>
      </c>
    </row>
    <row r="592" spans="1:18" s="33" customFormat="1" x14ac:dyDescent="0.2">
      <c r="A592" s="42" t="s">
        <v>8384</v>
      </c>
      <c r="B592" s="10" t="s">
        <v>1807</v>
      </c>
      <c r="C592" s="40">
        <v>1</v>
      </c>
      <c r="D592" s="17">
        <v>511</v>
      </c>
      <c r="E592" s="17">
        <v>1503</v>
      </c>
      <c r="F592" s="43" t="s">
        <v>784</v>
      </c>
      <c r="G592" s="26" t="s">
        <v>6834</v>
      </c>
      <c r="H592" s="43" t="s">
        <v>785</v>
      </c>
      <c r="I592" s="43" t="s">
        <v>4662</v>
      </c>
      <c r="J592" s="18">
        <v>35.616216033883397</v>
      </c>
      <c r="K592" s="18">
        <v>139.55093697163699</v>
      </c>
      <c r="L592" s="43" t="s">
        <v>2423</v>
      </c>
      <c r="M592" s="17" t="s">
        <v>5184</v>
      </c>
      <c r="N592" s="44" t="s">
        <v>10235</v>
      </c>
      <c r="O592" s="19">
        <v>1966</v>
      </c>
      <c r="P592" s="19">
        <v>1</v>
      </c>
      <c r="Q592" s="41"/>
      <c r="R592" s="23">
        <v>45065</v>
      </c>
    </row>
    <row r="593" spans="1:18" s="33" customFormat="1" x14ac:dyDescent="0.2">
      <c r="A593" s="42" t="s">
        <v>8385</v>
      </c>
      <c r="B593" s="10" t="s">
        <v>1807</v>
      </c>
      <c r="C593" s="40">
        <v>1</v>
      </c>
      <c r="D593" s="17">
        <v>511</v>
      </c>
      <c r="E593" s="17">
        <v>1503</v>
      </c>
      <c r="F593" s="43" t="s">
        <v>786</v>
      </c>
      <c r="G593" s="26" t="s">
        <v>6835</v>
      </c>
      <c r="H593" s="43" t="s">
        <v>787</v>
      </c>
      <c r="I593" s="43" t="s">
        <v>4663</v>
      </c>
      <c r="J593" s="18">
        <v>35.610328596254</v>
      </c>
      <c r="K593" s="18">
        <v>139.546144863861</v>
      </c>
      <c r="L593" s="43" t="s">
        <v>2424</v>
      </c>
      <c r="M593" s="17" t="s">
        <v>5184</v>
      </c>
      <c r="N593" s="44" t="s">
        <v>10236</v>
      </c>
      <c r="O593" s="19">
        <v>1971</v>
      </c>
      <c r="P593" s="19">
        <v>1</v>
      </c>
      <c r="Q593" s="41"/>
      <c r="R593" s="23">
        <v>45065</v>
      </c>
    </row>
    <row r="594" spans="1:18" s="33" customFormat="1" x14ac:dyDescent="0.2">
      <c r="A594" s="42" t="s">
        <v>8386</v>
      </c>
      <c r="B594" s="10" t="s">
        <v>1807</v>
      </c>
      <c r="C594" s="40">
        <v>1</v>
      </c>
      <c r="D594" s="17">
        <v>511</v>
      </c>
      <c r="E594" s="17">
        <v>1503</v>
      </c>
      <c r="F594" s="43" t="s">
        <v>788</v>
      </c>
      <c r="G594" s="26" t="s">
        <v>6836</v>
      </c>
      <c r="H594" s="43" t="s">
        <v>789</v>
      </c>
      <c r="I594" s="43" t="s">
        <v>4664</v>
      </c>
      <c r="J594" s="18">
        <v>35.617068668153401</v>
      </c>
      <c r="K594" s="18">
        <v>139.54186276337001</v>
      </c>
      <c r="L594" s="43" t="s">
        <v>2425</v>
      </c>
      <c r="M594" s="17" t="s">
        <v>5184</v>
      </c>
      <c r="N594" s="44" t="s">
        <v>10237</v>
      </c>
      <c r="O594" s="19">
        <v>1873</v>
      </c>
      <c r="P594" s="19">
        <v>1</v>
      </c>
      <c r="Q594" s="41"/>
      <c r="R594" s="23">
        <v>45065</v>
      </c>
    </row>
    <row r="595" spans="1:18" s="33" customFormat="1" x14ac:dyDescent="0.2">
      <c r="A595" s="42" t="s">
        <v>8387</v>
      </c>
      <c r="B595" s="10" t="s">
        <v>1807</v>
      </c>
      <c r="C595" s="40">
        <v>1</v>
      </c>
      <c r="D595" s="17">
        <v>511</v>
      </c>
      <c r="E595" s="17">
        <v>1503</v>
      </c>
      <c r="F595" s="43" t="s">
        <v>790</v>
      </c>
      <c r="G595" s="26" t="s">
        <v>6837</v>
      </c>
      <c r="H595" s="43" t="s">
        <v>791</v>
      </c>
      <c r="I595" s="43" t="s">
        <v>4665</v>
      </c>
      <c r="J595" s="18">
        <v>35.606490536353803</v>
      </c>
      <c r="K595" s="18">
        <v>139.53395282998099</v>
      </c>
      <c r="L595" s="43" t="s">
        <v>2426</v>
      </c>
      <c r="M595" s="17" t="s">
        <v>5184</v>
      </c>
      <c r="N595" s="44" t="s">
        <v>10238</v>
      </c>
      <c r="O595" s="19">
        <v>1976</v>
      </c>
      <c r="P595" s="19">
        <v>1</v>
      </c>
      <c r="Q595" s="41"/>
      <c r="R595" s="23">
        <v>45065</v>
      </c>
    </row>
    <row r="596" spans="1:18" s="33" customFormat="1" x14ac:dyDescent="0.2">
      <c r="A596" s="42" t="s">
        <v>8388</v>
      </c>
      <c r="B596" s="10" t="s">
        <v>1807</v>
      </c>
      <c r="C596" s="40">
        <v>1</v>
      </c>
      <c r="D596" s="17">
        <v>511</v>
      </c>
      <c r="E596" s="17">
        <v>1503</v>
      </c>
      <c r="F596" s="43" t="s">
        <v>792</v>
      </c>
      <c r="G596" s="26" t="s">
        <v>6838</v>
      </c>
      <c r="H596" s="43" t="s">
        <v>793</v>
      </c>
      <c r="I596" s="43" t="s">
        <v>4666</v>
      </c>
      <c r="J596" s="18">
        <v>35.597867865071002</v>
      </c>
      <c r="K596" s="18">
        <v>139.52760488001101</v>
      </c>
      <c r="L596" s="43" t="s">
        <v>2427</v>
      </c>
      <c r="M596" s="17" t="s">
        <v>5184</v>
      </c>
      <c r="N596" s="44" t="s">
        <v>10239</v>
      </c>
      <c r="O596" s="19">
        <v>1976</v>
      </c>
      <c r="P596" s="19">
        <v>1</v>
      </c>
      <c r="Q596" s="41"/>
      <c r="R596" s="23">
        <v>45065</v>
      </c>
    </row>
    <row r="597" spans="1:18" s="33" customFormat="1" x14ac:dyDescent="0.2">
      <c r="A597" s="42" t="s">
        <v>8389</v>
      </c>
      <c r="B597" s="10" t="s">
        <v>1807</v>
      </c>
      <c r="C597" s="40">
        <v>1</v>
      </c>
      <c r="D597" s="17">
        <v>511</v>
      </c>
      <c r="E597" s="17">
        <v>1503</v>
      </c>
      <c r="F597" s="43" t="s">
        <v>794</v>
      </c>
      <c r="G597" s="26" t="s">
        <v>6839</v>
      </c>
      <c r="H597" s="43" t="s">
        <v>795</v>
      </c>
      <c r="I597" s="43" t="s">
        <v>4667</v>
      </c>
      <c r="J597" s="18">
        <v>35.616945690300703</v>
      </c>
      <c r="K597" s="18">
        <v>139.51925196578401</v>
      </c>
      <c r="L597" s="43" t="s">
        <v>2428</v>
      </c>
      <c r="M597" s="17" t="s">
        <v>5184</v>
      </c>
      <c r="N597" s="44" t="s">
        <v>10240</v>
      </c>
      <c r="O597" s="19">
        <v>1947</v>
      </c>
      <c r="P597" s="19">
        <v>1</v>
      </c>
      <c r="Q597" s="41"/>
      <c r="R597" s="23">
        <v>45065</v>
      </c>
    </row>
    <row r="598" spans="1:18" s="33" customFormat="1" x14ac:dyDescent="0.2">
      <c r="A598" s="42" t="s">
        <v>8390</v>
      </c>
      <c r="B598" s="10" t="s">
        <v>1807</v>
      </c>
      <c r="C598" s="40">
        <v>1</v>
      </c>
      <c r="D598" s="17">
        <v>511</v>
      </c>
      <c r="E598" s="17">
        <v>1503</v>
      </c>
      <c r="F598" s="43" t="s">
        <v>10241</v>
      </c>
      <c r="G598" s="26" t="s">
        <v>6840</v>
      </c>
      <c r="H598" s="43" t="s">
        <v>796</v>
      </c>
      <c r="I598" s="43" t="s">
        <v>4668</v>
      </c>
      <c r="J598" s="18">
        <v>35.617126249960499</v>
      </c>
      <c r="K598" s="18">
        <v>139.50348924160801</v>
      </c>
      <c r="L598" s="43" t="s">
        <v>2429</v>
      </c>
      <c r="M598" s="17" t="s">
        <v>5184</v>
      </c>
      <c r="N598" s="44" t="s">
        <v>10242</v>
      </c>
      <c r="O598" s="19">
        <v>1975</v>
      </c>
      <c r="P598" s="19">
        <v>1</v>
      </c>
      <c r="Q598" s="41"/>
      <c r="R598" s="23">
        <v>45065</v>
      </c>
    </row>
    <row r="599" spans="1:18" s="33" customFormat="1" x14ac:dyDescent="0.2">
      <c r="A599" s="42" t="s">
        <v>8391</v>
      </c>
      <c r="B599" s="10" t="s">
        <v>1807</v>
      </c>
      <c r="C599" s="40">
        <v>1</v>
      </c>
      <c r="D599" s="17">
        <v>511</v>
      </c>
      <c r="E599" s="17">
        <v>1503</v>
      </c>
      <c r="F599" s="43" t="s">
        <v>797</v>
      </c>
      <c r="G599" s="26" t="s">
        <v>6841</v>
      </c>
      <c r="H599" s="43" t="s">
        <v>798</v>
      </c>
      <c r="I599" s="43" t="s">
        <v>4669</v>
      </c>
      <c r="J599" s="18">
        <v>35.611797824310202</v>
      </c>
      <c r="K599" s="18">
        <v>139.49941013422799</v>
      </c>
      <c r="L599" s="43" t="s">
        <v>2430</v>
      </c>
      <c r="M599" s="17" t="s">
        <v>5184</v>
      </c>
      <c r="N599" s="44" t="s">
        <v>10243</v>
      </c>
      <c r="O599" s="19">
        <v>1990</v>
      </c>
      <c r="P599" s="19">
        <v>1</v>
      </c>
      <c r="Q599" s="41"/>
      <c r="R599" s="23">
        <v>45065</v>
      </c>
    </row>
    <row r="600" spans="1:18" s="33" customFormat="1" x14ac:dyDescent="0.2">
      <c r="A600" s="42" t="s">
        <v>8392</v>
      </c>
      <c r="B600" s="10" t="s">
        <v>1807</v>
      </c>
      <c r="C600" s="40">
        <v>1</v>
      </c>
      <c r="D600" s="17">
        <v>511</v>
      </c>
      <c r="E600" s="17">
        <v>1503</v>
      </c>
      <c r="F600" s="43" t="s">
        <v>799</v>
      </c>
      <c r="G600" s="26" t="s">
        <v>6842</v>
      </c>
      <c r="H600" s="43" t="s">
        <v>800</v>
      </c>
      <c r="I600" s="43" t="s">
        <v>4670</v>
      </c>
      <c r="J600" s="18">
        <v>35.607739627479802</v>
      </c>
      <c r="K600" s="18">
        <v>139.51450268136</v>
      </c>
      <c r="L600" s="43" t="s">
        <v>2431</v>
      </c>
      <c r="M600" s="17" t="s">
        <v>5184</v>
      </c>
      <c r="N600" s="44" t="s">
        <v>10244</v>
      </c>
      <c r="O600" s="19">
        <v>1965</v>
      </c>
      <c r="P600" s="19">
        <v>1</v>
      </c>
      <c r="Q600" s="41"/>
      <c r="R600" s="23">
        <v>45065</v>
      </c>
    </row>
    <row r="601" spans="1:18" s="33" customFormat="1" x14ac:dyDescent="0.2">
      <c r="A601" s="42" t="s">
        <v>8393</v>
      </c>
      <c r="B601" s="10" t="s">
        <v>1807</v>
      </c>
      <c r="C601" s="40">
        <v>1</v>
      </c>
      <c r="D601" s="17">
        <v>511</v>
      </c>
      <c r="E601" s="17">
        <v>1503</v>
      </c>
      <c r="F601" s="43" t="s">
        <v>801</v>
      </c>
      <c r="G601" s="26" t="s">
        <v>6843</v>
      </c>
      <c r="H601" s="43" t="s">
        <v>802</v>
      </c>
      <c r="I601" s="43" t="s">
        <v>4671</v>
      </c>
      <c r="J601" s="18">
        <v>35.599548371169497</v>
      </c>
      <c r="K601" s="18">
        <v>139.51303474425299</v>
      </c>
      <c r="L601" s="43" t="s">
        <v>2432</v>
      </c>
      <c r="M601" s="17" t="s">
        <v>5184</v>
      </c>
      <c r="N601" s="44" t="s">
        <v>10245</v>
      </c>
      <c r="O601" s="19">
        <v>1969</v>
      </c>
      <c r="P601" s="19">
        <v>1</v>
      </c>
      <c r="Q601" s="41"/>
      <c r="R601" s="23">
        <v>45065</v>
      </c>
    </row>
    <row r="602" spans="1:18" s="33" customFormat="1" x14ac:dyDescent="0.2">
      <c r="A602" s="42" t="s">
        <v>8394</v>
      </c>
      <c r="B602" s="10" t="s">
        <v>1807</v>
      </c>
      <c r="C602" s="40">
        <v>1</v>
      </c>
      <c r="D602" s="17">
        <v>511</v>
      </c>
      <c r="E602" s="17">
        <v>1503</v>
      </c>
      <c r="F602" s="43" t="s">
        <v>803</v>
      </c>
      <c r="G602" s="26" t="s">
        <v>6844</v>
      </c>
      <c r="H602" s="43" t="s">
        <v>804</v>
      </c>
      <c r="I602" s="43" t="s">
        <v>4672</v>
      </c>
      <c r="J602" s="18">
        <v>35.602590343708798</v>
      </c>
      <c r="K602" s="18">
        <v>139.50399625134</v>
      </c>
      <c r="L602" s="43" t="s">
        <v>2433</v>
      </c>
      <c r="M602" s="17" t="s">
        <v>5184</v>
      </c>
      <c r="N602" s="44" t="s">
        <v>10246</v>
      </c>
      <c r="O602" s="19">
        <v>1991</v>
      </c>
      <c r="P602" s="19">
        <v>1</v>
      </c>
      <c r="Q602" s="41"/>
      <c r="R602" s="23">
        <v>45065</v>
      </c>
    </row>
    <row r="603" spans="1:18" s="33" customFormat="1" x14ac:dyDescent="0.2">
      <c r="A603" s="42" t="s">
        <v>8395</v>
      </c>
      <c r="B603" s="10" t="s">
        <v>1807</v>
      </c>
      <c r="C603" s="40">
        <v>1</v>
      </c>
      <c r="D603" s="17">
        <v>511</v>
      </c>
      <c r="E603" s="17">
        <v>1503</v>
      </c>
      <c r="F603" s="43" t="s">
        <v>805</v>
      </c>
      <c r="G603" s="26" t="s">
        <v>6845</v>
      </c>
      <c r="H603" s="43" t="s">
        <v>806</v>
      </c>
      <c r="I603" s="43" t="s">
        <v>4673</v>
      </c>
      <c r="J603" s="18">
        <v>35.579094108737699</v>
      </c>
      <c r="K603" s="18">
        <v>139.51064654106199</v>
      </c>
      <c r="L603" s="43" t="s">
        <v>2434</v>
      </c>
      <c r="M603" s="17" t="s">
        <v>5184</v>
      </c>
      <c r="N603" s="44" t="s">
        <v>10247</v>
      </c>
      <c r="O603" s="19">
        <v>1947</v>
      </c>
      <c r="P603" s="19">
        <v>1</v>
      </c>
      <c r="Q603" s="41"/>
      <c r="R603" s="23">
        <v>45065</v>
      </c>
    </row>
    <row r="604" spans="1:18" s="33" customFormat="1" x14ac:dyDescent="0.2">
      <c r="A604" s="42" t="s">
        <v>8396</v>
      </c>
      <c r="B604" s="10" t="s">
        <v>1807</v>
      </c>
      <c r="C604" s="40">
        <v>1</v>
      </c>
      <c r="D604" s="17">
        <v>511</v>
      </c>
      <c r="E604" s="17">
        <v>1503</v>
      </c>
      <c r="F604" s="43" t="s">
        <v>807</v>
      </c>
      <c r="G604" s="26" t="s">
        <v>6846</v>
      </c>
      <c r="H604" s="43" t="s">
        <v>808</v>
      </c>
      <c r="I604" s="43" t="s">
        <v>4674</v>
      </c>
      <c r="J604" s="18">
        <v>35.5903257897589</v>
      </c>
      <c r="K604" s="18">
        <v>139.506477974615</v>
      </c>
      <c r="L604" s="43" t="s">
        <v>2435</v>
      </c>
      <c r="M604" s="17" t="s">
        <v>5184</v>
      </c>
      <c r="N604" s="44" t="s">
        <v>10248</v>
      </c>
      <c r="O604" s="19">
        <v>1982</v>
      </c>
      <c r="P604" s="19">
        <v>1</v>
      </c>
      <c r="Q604" s="41"/>
      <c r="R604" s="23">
        <v>45065</v>
      </c>
    </row>
    <row r="605" spans="1:18" s="33" customFormat="1" x14ac:dyDescent="0.2">
      <c r="A605" s="42" t="s">
        <v>8397</v>
      </c>
      <c r="B605" s="10" t="s">
        <v>1807</v>
      </c>
      <c r="C605" s="40">
        <v>1</v>
      </c>
      <c r="D605" s="17">
        <v>511</v>
      </c>
      <c r="E605" s="17">
        <v>1503</v>
      </c>
      <c r="F605" s="43" t="s">
        <v>10249</v>
      </c>
      <c r="G605" s="26" t="s">
        <v>6847</v>
      </c>
      <c r="H605" s="43" t="s">
        <v>809</v>
      </c>
      <c r="I605" s="43" t="s">
        <v>4675</v>
      </c>
      <c r="J605" s="18">
        <v>35.579028506478203</v>
      </c>
      <c r="K605" s="18">
        <v>139.52113476458101</v>
      </c>
      <c r="L605" s="43" t="s">
        <v>2436</v>
      </c>
      <c r="M605" s="17" t="s">
        <v>5184</v>
      </c>
      <c r="N605" s="44" t="s">
        <v>10250</v>
      </c>
      <c r="O605" s="19">
        <v>1976</v>
      </c>
      <c r="P605" s="19">
        <v>1</v>
      </c>
      <c r="Q605" s="41"/>
      <c r="R605" s="23">
        <v>45065</v>
      </c>
    </row>
    <row r="606" spans="1:18" s="33" customFormat="1" x14ac:dyDescent="0.2">
      <c r="A606" s="42" t="s">
        <v>8398</v>
      </c>
      <c r="B606" s="10" t="s">
        <v>1807</v>
      </c>
      <c r="C606" s="40">
        <v>1</v>
      </c>
      <c r="D606" s="17">
        <v>511</v>
      </c>
      <c r="E606" s="17">
        <v>1503</v>
      </c>
      <c r="F606" s="43" t="s">
        <v>810</v>
      </c>
      <c r="G606" s="26" t="s">
        <v>6848</v>
      </c>
      <c r="H606" s="43" t="s">
        <v>806</v>
      </c>
      <c r="I606" s="43" t="s">
        <v>4676</v>
      </c>
      <c r="J606" s="18">
        <v>35.586742165239897</v>
      </c>
      <c r="K606" s="18">
        <v>139.51378385851399</v>
      </c>
      <c r="L606" s="43" t="s">
        <v>2437</v>
      </c>
      <c r="M606" s="17" t="s">
        <v>5184</v>
      </c>
      <c r="N606" s="16" t="s">
        <v>10251</v>
      </c>
      <c r="O606" s="19">
        <v>2009</v>
      </c>
      <c r="P606" s="19">
        <v>1</v>
      </c>
      <c r="Q606" s="41"/>
      <c r="R606" s="23">
        <v>45065</v>
      </c>
    </row>
    <row r="607" spans="1:18" s="33" customFormat="1" x14ac:dyDescent="0.2">
      <c r="A607" s="42" t="s">
        <v>8399</v>
      </c>
      <c r="B607" s="10" t="s">
        <v>1807</v>
      </c>
      <c r="C607" s="40">
        <v>1</v>
      </c>
      <c r="D607" s="17">
        <v>511</v>
      </c>
      <c r="E607" s="17">
        <v>1503</v>
      </c>
      <c r="F607" s="43" t="s">
        <v>811</v>
      </c>
      <c r="G607" s="26" t="s">
        <v>6849</v>
      </c>
      <c r="H607" s="43" t="s">
        <v>812</v>
      </c>
      <c r="I607" s="43" t="s">
        <v>4677</v>
      </c>
      <c r="J607" s="18">
        <v>35.590875215728097</v>
      </c>
      <c r="K607" s="18">
        <v>139.495585071986</v>
      </c>
      <c r="L607" s="43" t="s">
        <v>2438</v>
      </c>
      <c r="M607" s="17" t="s">
        <v>5184</v>
      </c>
      <c r="N607" s="44" t="s">
        <v>10252</v>
      </c>
      <c r="O607" s="19">
        <v>1873</v>
      </c>
      <c r="P607" s="19">
        <v>1</v>
      </c>
      <c r="Q607" s="41"/>
      <c r="R607" s="23">
        <v>45065</v>
      </c>
    </row>
    <row r="608" spans="1:18" s="33" customFormat="1" x14ac:dyDescent="0.2">
      <c r="A608" s="42" t="s">
        <v>8400</v>
      </c>
      <c r="B608" s="10" t="s">
        <v>1807</v>
      </c>
      <c r="C608" s="40">
        <v>1</v>
      </c>
      <c r="D608" s="17">
        <v>511</v>
      </c>
      <c r="E608" s="17">
        <v>1503</v>
      </c>
      <c r="F608" s="43" t="s">
        <v>813</v>
      </c>
      <c r="G608" s="26" t="s">
        <v>6850</v>
      </c>
      <c r="H608" s="43" t="s">
        <v>814</v>
      </c>
      <c r="I608" s="43" t="s">
        <v>4678</v>
      </c>
      <c r="J608" s="18">
        <v>35.5789405132859</v>
      </c>
      <c r="K608" s="18">
        <v>139.48344649523401</v>
      </c>
      <c r="L608" s="43" t="s">
        <v>2439</v>
      </c>
      <c r="M608" s="17" t="s">
        <v>5184</v>
      </c>
      <c r="N608" s="44" t="s">
        <v>10253</v>
      </c>
      <c r="O608" s="19">
        <v>1987</v>
      </c>
      <c r="P608" s="19">
        <v>1</v>
      </c>
      <c r="Q608" s="41"/>
      <c r="R608" s="23">
        <v>45065</v>
      </c>
    </row>
    <row r="609" spans="1:18" s="33" customFormat="1" x14ac:dyDescent="0.2">
      <c r="A609" s="42" t="s">
        <v>8401</v>
      </c>
      <c r="B609" s="10" t="s">
        <v>1807</v>
      </c>
      <c r="C609" s="40">
        <v>1</v>
      </c>
      <c r="D609" s="17">
        <v>511</v>
      </c>
      <c r="E609" s="17">
        <v>1503</v>
      </c>
      <c r="F609" s="43" t="s">
        <v>815</v>
      </c>
      <c r="G609" s="26" t="s">
        <v>6851</v>
      </c>
      <c r="H609" s="43" t="s">
        <v>812</v>
      </c>
      <c r="I609" s="43" t="s">
        <v>4679</v>
      </c>
      <c r="J609" s="18">
        <v>35.597041367527403</v>
      </c>
      <c r="K609" s="18">
        <v>139.492915969275</v>
      </c>
      <c r="L609" s="43" t="s">
        <v>2440</v>
      </c>
      <c r="M609" s="17" t="s">
        <v>5184</v>
      </c>
      <c r="N609" s="44" t="s">
        <v>10254</v>
      </c>
      <c r="O609" s="19">
        <v>1984</v>
      </c>
      <c r="P609" s="19">
        <v>1</v>
      </c>
      <c r="Q609" s="41"/>
      <c r="R609" s="23">
        <v>45065</v>
      </c>
    </row>
    <row r="610" spans="1:18" s="33" customFormat="1" x14ac:dyDescent="0.2">
      <c r="A610" s="42" t="s">
        <v>8402</v>
      </c>
      <c r="B610" s="10" t="s">
        <v>1807</v>
      </c>
      <c r="C610" s="40">
        <v>1</v>
      </c>
      <c r="D610" s="17">
        <v>511</v>
      </c>
      <c r="E610" s="17">
        <v>1503</v>
      </c>
      <c r="F610" s="43" t="s">
        <v>816</v>
      </c>
      <c r="G610" s="26" t="s">
        <v>6852</v>
      </c>
      <c r="H610" s="43" t="s">
        <v>817</v>
      </c>
      <c r="I610" s="43" t="s">
        <v>4680</v>
      </c>
      <c r="J610" s="18">
        <v>35.611618330084397</v>
      </c>
      <c r="K610" s="18">
        <v>139.47696040935401</v>
      </c>
      <c r="L610" s="43" t="s">
        <v>2441</v>
      </c>
      <c r="M610" s="17" t="s">
        <v>5184</v>
      </c>
      <c r="N610" s="44" t="s">
        <v>10255</v>
      </c>
      <c r="O610" s="19">
        <v>1983</v>
      </c>
      <c r="P610" s="19">
        <v>1</v>
      </c>
      <c r="Q610" s="41"/>
      <c r="R610" s="23">
        <v>45065</v>
      </c>
    </row>
    <row r="611" spans="1:18" s="33" customFormat="1" x14ac:dyDescent="0.2">
      <c r="A611" s="42" t="s">
        <v>8403</v>
      </c>
      <c r="B611" s="10" t="s">
        <v>1807</v>
      </c>
      <c r="C611" s="40">
        <v>1</v>
      </c>
      <c r="D611" s="17">
        <v>511</v>
      </c>
      <c r="E611" s="17">
        <v>1503</v>
      </c>
      <c r="F611" s="43" t="s">
        <v>818</v>
      </c>
      <c r="G611" s="26" t="s">
        <v>6853</v>
      </c>
      <c r="H611" s="43" t="s">
        <v>819</v>
      </c>
      <c r="I611" s="43" t="s">
        <v>4681</v>
      </c>
      <c r="J611" s="18">
        <v>35.617888419102897</v>
      </c>
      <c r="K611" s="18">
        <v>139.46090113461301</v>
      </c>
      <c r="L611" s="43" t="s">
        <v>2442</v>
      </c>
      <c r="M611" s="17" t="s">
        <v>5184</v>
      </c>
      <c r="N611" s="44" t="s">
        <v>10256</v>
      </c>
      <c r="O611" s="19">
        <v>2008</v>
      </c>
      <c r="P611" s="19">
        <v>1</v>
      </c>
      <c r="Q611" s="41"/>
      <c r="R611" s="23">
        <v>45065</v>
      </c>
    </row>
    <row r="612" spans="1:18" s="33" customFormat="1" x14ac:dyDescent="0.2">
      <c r="A612" s="42" t="s">
        <v>8404</v>
      </c>
      <c r="B612" s="10" t="s">
        <v>1807</v>
      </c>
      <c r="C612" s="16">
        <v>2</v>
      </c>
      <c r="D612" s="16">
        <v>512</v>
      </c>
      <c r="E612" s="16">
        <v>1504</v>
      </c>
      <c r="F612" s="35" t="s">
        <v>1670</v>
      </c>
      <c r="G612" s="32" t="s">
        <v>6854</v>
      </c>
      <c r="H612" s="35" t="s">
        <v>1671</v>
      </c>
      <c r="I612" s="35" t="s">
        <v>4682</v>
      </c>
      <c r="J612" s="18">
        <v>35.535349505361097</v>
      </c>
      <c r="K612" s="18">
        <v>139.73889452917501</v>
      </c>
      <c r="L612" s="35" t="s">
        <v>2443</v>
      </c>
      <c r="M612" s="17" t="s">
        <v>5184</v>
      </c>
      <c r="N612" s="16" t="s">
        <v>10257</v>
      </c>
      <c r="O612" s="19">
        <v>1947</v>
      </c>
      <c r="P612" s="19">
        <v>1</v>
      </c>
      <c r="Q612" s="46"/>
      <c r="R612" s="23">
        <v>45065</v>
      </c>
    </row>
    <row r="613" spans="1:18" s="33" customFormat="1" x14ac:dyDescent="0.2">
      <c r="A613" s="42" t="s">
        <v>8405</v>
      </c>
      <c r="B613" s="10" t="s">
        <v>1807</v>
      </c>
      <c r="C613" s="16">
        <v>2</v>
      </c>
      <c r="D613" s="16">
        <v>512</v>
      </c>
      <c r="E613" s="16">
        <v>1504</v>
      </c>
      <c r="F613" s="35" t="s">
        <v>5187</v>
      </c>
      <c r="G613" s="32" t="s">
        <v>6855</v>
      </c>
      <c r="H613" s="35" t="s">
        <v>1672</v>
      </c>
      <c r="I613" s="35" t="s">
        <v>4683</v>
      </c>
      <c r="J613" s="18">
        <v>35.528350506640201</v>
      </c>
      <c r="K613" s="18">
        <v>139.73656358991599</v>
      </c>
      <c r="L613" s="35" t="s">
        <v>2444</v>
      </c>
      <c r="M613" s="17" t="s">
        <v>5184</v>
      </c>
      <c r="N613" s="16" t="s">
        <v>10258</v>
      </c>
      <c r="O613" s="19">
        <v>1954</v>
      </c>
      <c r="P613" s="19">
        <v>1</v>
      </c>
      <c r="Q613" s="46"/>
      <c r="R613" s="23">
        <v>45065</v>
      </c>
    </row>
    <row r="614" spans="1:18" s="33" customFormat="1" x14ac:dyDescent="0.2">
      <c r="A614" s="42" t="s">
        <v>8406</v>
      </c>
      <c r="B614" s="10" t="s">
        <v>1807</v>
      </c>
      <c r="C614" s="16">
        <v>2</v>
      </c>
      <c r="D614" s="16">
        <v>512</v>
      </c>
      <c r="E614" s="16">
        <v>1504</v>
      </c>
      <c r="F614" s="35" t="s">
        <v>5188</v>
      </c>
      <c r="G614" s="32" t="s">
        <v>6856</v>
      </c>
      <c r="H614" s="35" t="s">
        <v>630</v>
      </c>
      <c r="I614" s="35" t="s">
        <v>4684</v>
      </c>
      <c r="J614" s="18">
        <v>35.527058369006902</v>
      </c>
      <c r="K614" s="18">
        <v>139.7218365544</v>
      </c>
      <c r="L614" s="35" t="s">
        <v>2445</v>
      </c>
      <c r="M614" s="17" t="s">
        <v>5184</v>
      </c>
      <c r="N614" s="16" t="s">
        <v>10259</v>
      </c>
      <c r="O614" s="19">
        <v>1947</v>
      </c>
      <c r="P614" s="19">
        <v>1</v>
      </c>
      <c r="Q614" s="46"/>
      <c r="R614" s="23">
        <v>45065</v>
      </c>
    </row>
    <row r="615" spans="1:18" s="33" customFormat="1" x14ac:dyDescent="0.2">
      <c r="A615" s="42" t="s">
        <v>8407</v>
      </c>
      <c r="B615" s="10" t="s">
        <v>1807</v>
      </c>
      <c r="C615" s="16">
        <v>2</v>
      </c>
      <c r="D615" s="16">
        <v>512</v>
      </c>
      <c r="E615" s="16">
        <v>1504</v>
      </c>
      <c r="F615" s="35" t="s">
        <v>5189</v>
      </c>
      <c r="G615" s="32" t="s">
        <v>6857</v>
      </c>
      <c r="H615" s="35" t="s">
        <v>1673</v>
      </c>
      <c r="I615" s="35" t="s">
        <v>4685</v>
      </c>
      <c r="J615" s="18">
        <v>35.523206273004099</v>
      </c>
      <c r="K615" s="18">
        <v>139.72700349351999</v>
      </c>
      <c r="L615" s="35" t="s">
        <v>2446</v>
      </c>
      <c r="M615" s="17" t="s">
        <v>5184</v>
      </c>
      <c r="N615" s="16" t="s">
        <v>10260</v>
      </c>
      <c r="O615" s="19">
        <v>1955</v>
      </c>
      <c r="P615" s="19">
        <v>1</v>
      </c>
      <c r="Q615" s="46"/>
      <c r="R615" s="23">
        <v>45065</v>
      </c>
    </row>
    <row r="616" spans="1:18" s="33" customFormat="1" x14ac:dyDescent="0.2">
      <c r="A616" s="42" t="s">
        <v>8408</v>
      </c>
      <c r="B616" s="10" t="s">
        <v>1807</v>
      </c>
      <c r="C616" s="16">
        <v>2</v>
      </c>
      <c r="D616" s="16">
        <v>512</v>
      </c>
      <c r="E616" s="16">
        <v>1504</v>
      </c>
      <c r="F616" s="35" t="s">
        <v>5190</v>
      </c>
      <c r="G616" s="32" t="s">
        <v>6858</v>
      </c>
      <c r="H616" s="35" t="s">
        <v>633</v>
      </c>
      <c r="I616" s="35" t="s">
        <v>4686</v>
      </c>
      <c r="J616" s="18">
        <v>35.514272341912502</v>
      </c>
      <c r="K616" s="18">
        <v>139.71595792426101</v>
      </c>
      <c r="L616" s="35" t="s">
        <v>2447</v>
      </c>
      <c r="M616" s="17" t="s">
        <v>5184</v>
      </c>
      <c r="N616" s="16" t="s">
        <v>10261</v>
      </c>
      <c r="O616" s="19">
        <v>1947</v>
      </c>
      <c r="P616" s="19">
        <v>1</v>
      </c>
      <c r="Q616" s="46"/>
      <c r="R616" s="23">
        <v>45065</v>
      </c>
    </row>
    <row r="617" spans="1:18" s="33" customFormat="1" x14ac:dyDescent="0.2">
      <c r="A617" s="42" t="s">
        <v>8409</v>
      </c>
      <c r="B617" s="10" t="s">
        <v>1807</v>
      </c>
      <c r="C617" s="16">
        <v>2</v>
      </c>
      <c r="D617" s="16">
        <v>512</v>
      </c>
      <c r="E617" s="16">
        <v>1504</v>
      </c>
      <c r="F617" s="35" t="s">
        <v>5191</v>
      </c>
      <c r="G617" s="32" t="s">
        <v>6859</v>
      </c>
      <c r="H617" s="35" t="s">
        <v>637</v>
      </c>
      <c r="I617" s="35" t="s">
        <v>4687</v>
      </c>
      <c r="J617" s="18">
        <v>35.512824288870497</v>
      </c>
      <c r="K617" s="18">
        <v>139.69853001244701</v>
      </c>
      <c r="L617" s="35" t="s">
        <v>2448</v>
      </c>
      <c r="M617" s="17" t="s">
        <v>5184</v>
      </c>
      <c r="N617" s="16" t="s">
        <v>10262</v>
      </c>
      <c r="O617" s="19">
        <v>1947</v>
      </c>
      <c r="P617" s="19">
        <v>1</v>
      </c>
      <c r="Q617" s="46"/>
      <c r="R617" s="23">
        <v>45065</v>
      </c>
    </row>
    <row r="618" spans="1:18" s="33" customFormat="1" x14ac:dyDescent="0.2">
      <c r="A618" s="42" t="s">
        <v>8410</v>
      </c>
      <c r="B618" s="10" t="s">
        <v>1807</v>
      </c>
      <c r="C618" s="16">
        <v>2</v>
      </c>
      <c r="D618" s="16">
        <v>512</v>
      </c>
      <c r="E618" s="16">
        <v>1504</v>
      </c>
      <c r="F618" s="35" t="s">
        <v>5192</v>
      </c>
      <c r="G618" s="32" t="s">
        <v>6860</v>
      </c>
      <c r="H618" s="35" t="s">
        <v>655</v>
      </c>
      <c r="I618" s="35" t="s">
        <v>4688</v>
      </c>
      <c r="J618" s="18">
        <v>35.509340868960699</v>
      </c>
      <c r="K618" s="18">
        <v>139.69624506719799</v>
      </c>
      <c r="L618" s="35" t="s">
        <v>2449</v>
      </c>
      <c r="M618" s="17" t="s">
        <v>5184</v>
      </c>
      <c r="N618" s="16" t="s">
        <v>10263</v>
      </c>
      <c r="O618" s="19">
        <v>1955</v>
      </c>
      <c r="P618" s="19">
        <v>1</v>
      </c>
      <c r="Q618" s="46"/>
      <c r="R618" s="23">
        <v>45065</v>
      </c>
    </row>
    <row r="619" spans="1:18" s="33" customFormat="1" x14ac:dyDescent="0.2">
      <c r="A619" s="42" t="s">
        <v>8411</v>
      </c>
      <c r="B619" s="10" t="s">
        <v>1807</v>
      </c>
      <c r="C619" s="16">
        <v>2</v>
      </c>
      <c r="D619" s="16">
        <v>512</v>
      </c>
      <c r="E619" s="16">
        <v>1504</v>
      </c>
      <c r="F619" s="35" t="s">
        <v>5193</v>
      </c>
      <c r="G619" s="32" t="s">
        <v>6861</v>
      </c>
      <c r="H619" s="35" t="s">
        <v>1674</v>
      </c>
      <c r="I619" s="35" t="s">
        <v>4689</v>
      </c>
      <c r="J619" s="18">
        <v>35.520499404154997</v>
      </c>
      <c r="K619" s="18">
        <v>139.702871254988</v>
      </c>
      <c r="L619" s="35" t="s">
        <v>2450</v>
      </c>
      <c r="M619" s="17" t="s">
        <v>5184</v>
      </c>
      <c r="N619" s="16" t="s">
        <v>10264</v>
      </c>
      <c r="O619" s="19">
        <v>1953</v>
      </c>
      <c r="P619" s="19">
        <v>1</v>
      </c>
      <c r="Q619" s="46"/>
      <c r="R619" s="23">
        <v>45065</v>
      </c>
    </row>
    <row r="620" spans="1:18" s="33" customFormat="1" x14ac:dyDescent="0.2">
      <c r="A620" s="42" t="s">
        <v>8412</v>
      </c>
      <c r="B620" s="10" t="s">
        <v>1807</v>
      </c>
      <c r="C620" s="16">
        <v>2</v>
      </c>
      <c r="D620" s="16">
        <v>512</v>
      </c>
      <c r="E620" s="16">
        <v>1504</v>
      </c>
      <c r="F620" s="35" t="s">
        <v>5194</v>
      </c>
      <c r="G620" s="32" t="s">
        <v>6862</v>
      </c>
      <c r="H620" s="35" t="s">
        <v>1675</v>
      </c>
      <c r="I620" s="35" t="s">
        <v>4690</v>
      </c>
      <c r="J620" s="18">
        <v>35.528168595901001</v>
      </c>
      <c r="K620" s="18">
        <v>139.70797060010301</v>
      </c>
      <c r="L620" s="35" t="s">
        <v>2451</v>
      </c>
      <c r="M620" s="17" t="s">
        <v>5184</v>
      </c>
      <c r="N620" s="16" t="s">
        <v>10265</v>
      </c>
      <c r="O620" s="19">
        <v>1947</v>
      </c>
      <c r="P620" s="19">
        <v>1</v>
      </c>
      <c r="Q620" s="46"/>
      <c r="R620" s="23">
        <v>45065</v>
      </c>
    </row>
    <row r="621" spans="1:18" s="33" customFormat="1" x14ac:dyDescent="0.2">
      <c r="A621" s="42" t="s">
        <v>8413</v>
      </c>
      <c r="B621" s="10" t="s">
        <v>1807</v>
      </c>
      <c r="C621" s="16">
        <v>2</v>
      </c>
      <c r="D621" s="16">
        <v>512</v>
      </c>
      <c r="E621" s="16">
        <v>1504</v>
      </c>
      <c r="F621" s="35" t="s">
        <v>5195</v>
      </c>
      <c r="G621" s="32" t="s">
        <v>6863</v>
      </c>
      <c r="H621" s="35" t="s">
        <v>5196</v>
      </c>
      <c r="I621" s="35" t="s">
        <v>4691</v>
      </c>
      <c r="J621" s="18">
        <v>35.522676745503801</v>
      </c>
      <c r="K621" s="18">
        <v>139.689448192979</v>
      </c>
      <c r="L621" s="35" t="s">
        <v>2452</v>
      </c>
      <c r="M621" s="17" t="s">
        <v>5184</v>
      </c>
      <c r="N621" s="16" t="s">
        <v>10266</v>
      </c>
      <c r="O621" s="19">
        <v>1954</v>
      </c>
      <c r="P621" s="19">
        <v>1</v>
      </c>
      <c r="Q621" s="46"/>
      <c r="R621" s="23">
        <v>45065</v>
      </c>
    </row>
    <row r="622" spans="1:18" s="33" customFormat="1" x14ac:dyDescent="0.2">
      <c r="A622" s="47" t="s">
        <v>8414</v>
      </c>
      <c r="B622" s="10" t="s">
        <v>1807</v>
      </c>
      <c r="C622" s="16">
        <v>4</v>
      </c>
      <c r="D622" s="16">
        <v>512</v>
      </c>
      <c r="E622" s="16">
        <v>1504</v>
      </c>
      <c r="F622" s="31" t="s">
        <v>9049</v>
      </c>
      <c r="G622" s="32" t="s">
        <v>6864</v>
      </c>
      <c r="H622" s="31" t="s">
        <v>1843</v>
      </c>
      <c r="I622" s="31" t="s">
        <v>4692</v>
      </c>
      <c r="J622" s="18">
        <v>35.526947317299602</v>
      </c>
      <c r="K622" s="18">
        <v>139.714240618308</v>
      </c>
      <c r="L622" s="31" t="s">
        <v>5197</v>
      </c>
      <c r="M622" s="17" t="s">
        <v>5184</v>
      </c>
      <c r="N622" s="16" t="s">
        <v>5198</v>
      </c>
      <c r="O622" s="19">
        <v>2014</v>
      </c>
      <c r="P622" s="19">
        <v>1</v>
      </c>
      <c r="Q622" s="46"/>
      <c r="R622" s="23">
        <v>45065</v>
      </c>
    </row>
    <row r="623" spans="1:18" s="33" customFormat="1" x14ac:dyDescent="0.2">
      <c r="A623" s="42" t="s">
        <v>8415</v>
      </c>
      <c r="B623" s="10" t="s">
        <v>1807</v>
      </c>
      <c r="C623" s="16">
        <v>2</v>
      </c>
      <c r="D623" s="16">
        <v>512</v>
      </c>
      <c r="E623" s="16">
        <v>1504</v>
      </c>
      <c r="F623" s="35" t="s">
        <v>5199</v>
      </c>
      <c r="G623" s="32" t="s">
        <v>6865</v>
      </c>
      <c r="H623" s="35" t="s">
        <v>657</v>
      </c>
      <c r="I623" s="35" t="s">
        <v>4693</v>
      </c>
      <c r="J623" s="18">
        <v>35.533257336448102</v>
      </c>
      <c r="K623" s="18">
        <v>139.69262116808201</v>
      </c>
      <c r="L623" s="35" t="s">
        <v>2453</v>
      </c>
      <c r="M623" s="17" t="s">
        <v>5184</v>
      </c>
      <c r="N623" s="16" t="s">
        <v>10267</v>
      </c>
      <c r="O623" s="19">
        <v>1956</v>
      </c>
      <c r="P623" s="19">
        <v>1</v>
      </c>
      <c r="Q623" s="46"/>
      <c r="R623" s="23">
        <v>45065</v>
      </c>
    </row>
    <row r="624" spans="1:18" s="33" customFormat="1" x14ac:dyDescent="0.2">
      <c r="A624" s="42" t="s">
        <v>8416</v>
      </c>
      <c r="B624" s="10" t="s">
        <v>1807</v>
      </c>
      <c r="C624" s="16">
        <v>2</v>
      </c>
      <c r="D624" s="16">
        <v>512</v>
      </c>
      <c r="E624" s="16">
        <v>1504</v>
      </c>
      <c r="F624" s="35" t="s">
        <v>5200</v>
      </c>
      <c r="G624" s="32" t="s">
        <v>6866</v>
      </c>
      <c r="H624" s="35" t="s">
        <v>1676</v>
      </c>
      <c r="I624" s="35" t="s">
        <v>4694</v>
      </c>
      <c r="J624" s="18">
        <v>35.544392932135601</v>
      </c>
      <c r="K624" s="18">
        <v>139.69415056540399</v>
      </c>
      <c r="L624" s="35" t="s">
        <v>2454</v>
      </c>
      <c r="M624" s="17" t="s">
        <v>5184</v>
      </c>
      <c r="N624" s="16" t="s">
        <v>10268</v>
      </c>
      <c r="O624" s="19">
        <v>1947</v>
      </c>
      <c r="P624" s="19">
        <v>1</v>
      </c>
      <c r="Q624" s="46"/>
      <c r="R624" s="23">
        <v>45065</v>
      </c>
    </row>
    <row r="625" spans="1:18" s="33" customFormat="1" x14ac:dyDescent="0.2">
      <c r="A625" s="42" t="s">
        <v>8417</v>
      </c>
      <c r="B625" s="10" t="s">
        <v>1807</v>
      </c>
      <c r="C625" s="16">
        <v>2</v>
      </c>
      <c r="D625" s="16">
        <v>512</v>
      </c>
      <c r="E625" s="16">
        <v>1504</v>
      </c>
      <c r="F625" s="35" t="s">
        <v>5201</v>
      </c>
      <c r="G625" s="32" t="s">
        <v>6867</v>
      </c>
      <c r="H625" s="35" t="s">
        <v>1677</v>
      </c>
      <c r="I625" s="35" t="s">
        <v>4695</v>
      </c>
      <c r="J625" s="18">
        <v>35.548131856230498</v>
      </c>
      <c r="K625" s="18">
        <v>139.678961924145</v>
      </c>
      <c r="L625" s="35" t="s">
        <v>2455</v>
      </c>
      <c r="M625" s="17" t="s">
        <v>5184</v>
      </c>
      <c r="N625" s="16" t="s">
        <v>10269</v>
      </c>
      <c r="O625" s="19">
        <v>1953</v>
      </c>
      <c r="P625" s="19">
        <v>1</v>
      </c>
      <c r="Q625" s="46"/>
      <c r="R625" s="23">
        <v>45065</v>
      </c>
    </row>
    <row r="626" spans="1:18" s="33" customFormat="1" x14ac:dyDescent="0.2">
      <c r="A626" s="42" t="s">
        <v>8418</v>
      </c>
      <c r="B626" s="10" t="s">
        <v>1807</v>
      </c>
      <c r="C626" s="16">
        <v>2</v>
      </c>
      <c r="D626" s="16">
        <v>512</v>
      </c>
      <c r="E626" s="16">
        <v>1504</v>
      </c>
      <c r="F626" s="35" t="s">
        <v>5202</v>
      </c>
      <c r="G626" s="32" t="s">
        <v>6868</v>
      </c>
      <c r="H626" s="35" t="s">
        <v>674</v>
      </c>
      <c r="I626" s="35" t="s">
        <v>4696</v>
      </c>
      <c r="J626" s="18">
        <v>35.553807057542897</v>
      </c>
      <c r="K626" s="18">
        <v>139.66149512095799</v>
      </c>
      <c r="L626" s="35" t="s">
        <v>2456</v>
      </c>
      <c r="M626" s="17" t="s">
        <v>5184</v>
      </c>
      <c r="N626" s="16" t="s">
        <v>10270</v>
      </c>
      <c r="O626" s="19">
        <v>1950</v>
      </c>
      <c r="P626" s="19">
        <v>1</v>
      </c>
      <c r="Q626" s="46"/>
      <c r="R626" s="23">
        <v>45065</v>
      </c>
    </row>
    <row r="627" spans="1:18" s="33" customFormat="1" x14ac:dyDescent="0.2">
      <c r="A627" s="42" t="s">
        <v>8419</v>
      </c>
      <c r="B627" s="10" t="s">
        <v>1807</v>
      </c>
      <c r="C627" s="16">
        <v>2</v>
      </c>
      <c r="D627" s="16">
        <v>512</v>
      </c>
      <c r="E627" s="16">
        <v>1504</v>
      </c>
      <c r="F627" s="35" t="s">
        <v>5203</v>
      </c>
      <c r="G627" s="32" t="s">
        <v>6869</v>
      </c>
      <c r="H627" s="35" t="s">
        <v>678</v>
      </c>
      <c r="I627" s="35" t="s">
        <v>4697</v>
      </c>
      <c r="J627" s="18">
        <v>35.544262720455997</v>
      </c>
      <c r="K627" s="18">
        <v>139.66280650264201</v>
      </c>
      <c r="L627" s="35" t="s">
        <v>2457</v>
      </c>
      <c r="M627" s="17" t="s">
        <v>5184</v>
      </c>
      <c r="N627" s="16" t="s">
        <v>10271</v>
      </c>
      <c r="O627" s="19">
        <v>1960</v>
      </c>
      <c r="P627" s="19">
        <v>1</v>
      </c>
      <c r="Q627" s="46"/>
      <c r="R627" s="23">
        <v>45065</v>
      </c>
    </row>
    <row r="628" spans="1:18" s="33" customFormat="1" x14ac:dyDescent="0.2">
      <c r="A628" s="42" t="s">
        <v>8420</v>
      </c>
      <c r="B628" s="10" t="s">
        <v>1807</v>
      </c>
      <c r="C628" s="16">
        <v>2</v>
      </c>
      <c r="D628" s="16">
        <v>512</v>
      </c>
      <c r="E628" s="16">
        <v>1504</v>
      </c>
      <c r="F628" s="35" t="s">
        <v>5204</v>
      </c>
      <c r="G628" s="32" t="s">
        <v>6870</v>
      </c>
      <c r="H628" s="35" t="s">
        <v>680</v>
      </c>
      <c r="I628" s="35" t="s">
        <v>4698</v>
      </c>
      <c r="J628" s="18">
        <v>35.558477479773501</v>
      </c>
      <c r="K628" s="18">
        <v>139.678224517084</v>
      </c>
      <c r="L628" s="35" t="s">
        <v>2458</v>
      </c>
      <c r="M628" s="17" t="s">
        <v>5184</v>
      </c>
      <c r="N628" s="16" t="s">
        <v>10272</v>
      </c>
      <c r="O628" s="19">
        <v>1960</v>
      </c>
      <c r="P628" s="19">
        <v>1</v>
      </c>
      <c r="Q628" s="46"/>
      <c r="R628" s="23">
        <v>45065</v>
      </c>
    </row>
    <row r="629" spans="1:18" s="33" customFormat="1" x14ac:dyDescent="0.2">
      <c r="A629" s="42" t="s">
        <v>8421</v>
      </c>
      <c r="B629" s="10" t="s">
        <v>1807</v>
      </c>
      <c r="C629" s="16">
        <v>2</v>
      </c>
      <c r="D629" s="16">
        <v>512</v>
      </c>
      <c r="E629" s="16">
        <v>1504</v>
      </c>
      <c r="F629" s="35" t="s">
        <v>5205</v>
      </c>
      <c r="G629" s="32" t="s">
        <v>6871</v>
      </c>
      <c r="H629" s="35" t="s">
        <v>1678</v>
      </c>
      <c r="I629" s="35" t="s">
        <v>4699</v>
      </c>
      <c r="J629" s="18">
        <v>35.566572099588903</v>
      </c>
      <c r="K629" s="18">
        <v>139.667889568524</v>
      </c>
      <c r="L629" s="35" t="s">
        <v>2459</v>
      </c>
      <c r="M629" s="17" t="s">
        <v>5184</v>
      </c>
      <c r="N629" s="16" t="s">
        <v>10273</v>
      </c>
      <c r="O629" s="19">
        <v>1947</v>
      </c>
      <c r="P629" s="19">
        <v>1</v>
      </c>
      <c r="Q629" s="46"/>
      <c r="R629" s="23">
        <v>45065</v>
      </c>
    </row>
    <row r="630" spans="1:18" s="33" customFormat="1" x14ac:dyDescent="0.2">
      <c r="A630" s="42" t="s">
        <v>8422</v>
      </c>
      <c r="B630" s="10" t="s">
        <v>1807</v>
      </c>
      <c r="C630" s="16">
        <v>2</v>
      </c>
      <c r="D630" s="16">
        <v>512</v>
      </c>
      <c r="E630" s="16">
        <v>1504</v>
      </c>
      <c r="F630" s="35" t="s">
        <v>5206</v>
      </c>
      <c r="G630" s="32" t="s">
        <v>6872</v>
      </c>
      <c r="H630" s="35" t="s">
        <v>1679</v>
      </c>
      <c r="I630" s="35" t="s">
        <v>4700</v>
      </c>
      <c r="J630" s="18">
        <v>35.565539267090401</v>
      </c>
      <c r="K630" s="18">
        <v>139.66149829020401</v>
      </c>
      <c r="L630" s="35" t="s">
        <v>2460</v>
      </c>
      <c r="M630" s="17" t="s">
        <v>5184</v>
      </c>
      <c r="N630" s="16" t="s">
        <v>10274</v>
      </c>
      <c r="O630" s="19">
        <v>1947</v>
      </c>
      <c r="P630" s="19">
        <v>1</v>
      </c>
      <c r="Q630" s="46"/>
      <c r="R630" s="23">
        <v>45065</v>
      </c>
    </row>
    <row r="631" spans="1:18" s="33" customFormat="1" x14ac:dyDescent="0.2">
      <c r="A631" s="42" t="s">
        <v>8423</v>
      </c>
      <c r="B631" s="10" t="s">
        <v>1807</v>
      </c>
      <c r="C631" s="16">
        <v>2</v>
      </c>
      <c r="D631" s="16">
        <v>512</v>
      </c>
      <c r="E631" s="16">
        <v>1504</v>
      </c>
      <c r="F631" s="35" t="s">
        <v>5207</v>
      </c>
      <c r="G631" s="32" t="s">
        <v>6873</v>
      </c>
      <c r="H631" s="35" t="s">
        <v>1680</v>
      </c>
      <c r="I631" s="35" t="s">
        <v>4701</v>
      </c>
      <c r="J631" s="18">
        <v>35.569964690644703</v>
      </c>
      <c r="K631" s="18">
        <v>139.64397979193001</v>
      </c>
      <c r="L631" s="35" t="s">
        <v>2461</v>
      </c>
      <c r="M631" s="17" t="s">
        <v>5184</v>
      </c>
      <c r="N631" s="16" t="s">
        <v>10275</v>
      </c>
      <c r="O631" s="19">
        <v>1956</v>
      </c>
      <c r="P631" s="19">
        <v>1</v>
      </c>
      <c r="Q631" s="46"/>
      <c r="R631" s="23">
        <v>45065</v>
      </c>
    </row>
    <row r="632" spans="1:18" s="33" customFormat="1" x14ac:dyDescent="0.2">
      <c r="A632" s="42" t="s">
        <v>8424</v>
      </c>
      <c r="B632" s="10" t="s">
        <v>1807</v>
      </c>
      <c r="C632" s="16">
        <v>2</v>
      </c>
      <c r="D632" s="16">
        <v>512</v>
      </c>
      <c r="E632" s="16">
        <v>1504</v>
      </c>
      <c r="F632" s="35" t="s">
        <v>5208</v>
      </c>
      <c r="G632" s="32" t="s">
        <v>6874</v>
      </c>
      <c r="H632" s="35" t="s">
        <v>1681</v>
      </c>
      <c r="I632" s="35" t="s">
        <v>4702</v>
      </c>
      <c r="J632" s="18">
        <v>35.575552877251098</v>
      </c>
      <c r="K632" s="18">
        <v>139.650560510639</v>
      </c>
      <c r="L632" s="35" t="s">
        <v>2462</v>
      </c>
      <c r="M632" s="17" t="s">
        <v>5184</v>
      </c>
      <c r="N632" s="16" t="s">
        <v>10276</v>
      </c>
      <c r="O632" s="19">
        <v>1962</v>
      </c>
      <c r="P632" s="19">
        <v>1</v>
      </c>
      <c r="Q632" s="46"/>
      <c r="R632" s="23">
        <v>45065</v>
      </c>
    </row>
    <row r="633" spans="1:18" s="33" customFormat="1" x14ac:dyDescent="0.2">
      <c r="A633" s="42" t="s">
        <v>8425</v>
      </c>
      <c r="B633" s="10" t="s">
        <v>1807</v>
      </c>
      <c r="C633" s="16">
        <v>2</v>
      </c>
      <c r="D633" s="16">
        <v>512</v>
      </c>
      <c r="E633" s="16">
        <v>1504</v>
      </c>
      <c r="F633" s="35" t="s">
        <v>5209</v>
      </c>
      <c r="G633" s="32" t="s">
        <v>6875</v>
      </c>
      <c r="H633" s="35" t="s">
        <v>700</v>
      </c>
      <c r="I633" s="48" t="s">
        <v>4703</v>
      </c>
      <c r="J633" s="18">
        <v>35.585933729597997</v>
      </c>
      <c r="K633" s="18">
        <v>139.65959230181301</v>
      </c>
      <c r="L633" s="35" t="s">
        <v>2463</v>
      </c>
      <c r="M633" s="17" t="s">
        <v>5184</v>
      </c>
      <c r="N633" s="16" t="s">
        <v>10277</v>
      </c>
      <c r="O633" s="19">
        <v>1947</v>
      </c>
      <c r="P633" s="19">
        <v>1</v>
      </c>
      <c r="Q633" s="46"/>
      <c r="R633" s="23">
        <v>45065</v>
      </c>
    </row>
    <row r="634" spans="1:18" s="33" customFormat="1" x14ac:dyDescent="0.2">
      <c r="A634" s="42" t="s">
        <v>8426</v>
      </c>
      <c r="B634" s="10" t="s">
        <v>1807</v>
      </c>
      <c r="C634" s="16">
        <v>2</v>
      </c>
      <c r="D634" s="16">
        <v>512</v>
      </c>
      <c r="E634" s="16">
        <v>1504</v>
      </c>
      <c r="F634" s="35" t="s">
        <v>5210</v>
      </c>
      <c r="G634" s="32" t="s">
        <v>6876</v>
      </c>
      <c r="H634" s="35" t="s">
        <v>704</v>
      </c>
      <c r="I634" s="35" t="s">
        <v>4704</v>
      </c>
      <c r="J634" s="18">
        <v>35.5851331077575</v>
      </c>
      <c r="K634" s="18">
        <v>139.64646922383</v>
      </c>
      <c r="L634" s="35" t="s">
        <v>2464</v>
      </c>
      <c r="M634" s="17" t="s">
        <v>5184</v>
      </c>
      <c r="N634" s="16" t="s">
        <v>10278</v>
      </c>
      <c r="O634" s="19">
        <v>1957</v>
      </c>
      <c r="P634" s="19">
        <v>1</v>
      </c>
      <c r="Q634" s="46"/>
      <c r="R634" s="23">
        <v>45065</v>
      </c>
    </row>
    <row r="635" spans="1:18" s="33" customFormat="1" x14ac:dyDescent="0.2">
      <c r="A635" s="42" t="s">
        <v>8427</v>
      </c>
      <c r="B635" s="10" t="s">
        <v>1807</v>
      </c>
      <c r="C635" s="16">
        <v>2</v>
      </c>
      <c r="D635" s="16">
        <v>512</v>
      </c>
      <c r="E635" s="16">
        <v>1504</v>
      </c>
      <c r="F635" s="35" t="s">
        <v>5211</v>
      </c>
      <c r="G635" s="32" t="s">
        <v>6877</v>
      </c>
      <c r="H635" s="35" t="s">
        <v>706</v>
      </c>
      <c r="I635" s="35" t="s">
        <v>4705</v>
      </c>
      <c r="J635" s="18">
        <v>35.578940777574402</v>
      </c>
      <c r="K635" s="18">
        <v>139.64340753677899</v>
      </c>
      <c r="L635" s="35" t="s">
        <v>2465</v>
      </c>
      <c r="M635" s="17" t="s">
        <v>5184</v>
      </c>
      <c r="N635" s="16" t="s">
        <v>10279</v>
      </c>
      <c r="O635" s="19">
        <v>1947</v>
      </c>
      <c r="P635" s="19">
        <v>1</v>
      </c>
      <c r="Q635" s="46"/>
      <c r="R635" s="23">
        <v>45065</v>
      </c>
    </row>
    <row r="636" spans="1:18" ht="14.25" customHeight="1" x14ac:dyDescent="0.2">
      <c r="A636" s="42" t="s">
        <v>8428</v>
      </c>
      <c r="B636" s="10" t="s">
        <v>1807</v>
      </c>
      <c r="C636" s="16">
        <v>2</v>
      </c>
      <c r="D636" s="16">
        <v>512</v>
      </c>
      <c r="E636" s="16">
        <v>1504</v>
      </c>
      <c r="F636" s="35" t="s">
        <v>5212</v>
      </c>
      <c r="G636" s="32" t="s">
        <v>6878</v>
      </c>
      <c r="H636" s="35" t="s">
        <v>713</v>
      </c>
      <c r="I636" s="35" t="s">
        <v>4625</v>
      </c>
      <c r="J636" s="18">
        <v>35.570424528861103</v>
      </c>
      <c r="K636" s="18">
        <v>139.632575989983</v>
      </c>
      <c r="L636" s="35" t="s">
        <v>2466</v>
      </c>
      <c r="M636" s="17" t="s">
        <v>5184</v>
      </c>
      <c r="N636" s="16" t="s">
        <v>10280</v>
      </c>
      <c r="O636" s="19">
        <v>1968</v>
      </c>
      <c r="P636" s="19">
        <v>1</v>
      </c>
      <c r="Q636" s="46"/>
      <c r="R636" s="23">
        <v>45065</v>
      </c>
    </row>
    <row r="637" spans="1:18" ht="14.25" customHeight="1" x14ac:dyDescent="0.2">
      <c r="A637" s="42" t="s">
        <v>8429</v>
      </c>
      <c r="B637" s="10" t="s">
        <v>1807</v>
      </c>
      <c r="C637" s="16">
        <v>2</v>
      </c>
      <c r="D637" s="16">
        <v>512</v>
      </c>
      <c r="E637" s="16">
        <v>1504</v>
      </c>
      <c r="F637" s="35" t="s">
        <v>5213</v>
      </c>
      <c r="G637" s="32" t="s">
        <v>6879</v>
      </c>
      <c r="H637" s="35" t="s">
        <v>715</v>
      </c>
      <c r="I637" s="35" t="s">
        <v>4706</v>
      </c>
      <c r="J637" s="18">
        <v>35.583906020820798</v>
      </c>
      <c r="K637" s="18">
        <v>139.62037148519099</v>
      </c>
      <c r="L637" s="35" t="s">
        <v>2467</v>
      </c>
      <c r="M637" s="17" t="s">
        <v>5184</v>
      </c>
      <c r="N637" s="16" t="s">
        <v>10281</v>
      </c>
      <c r="O637" s="19">
        <v>1953</v>
      </c>
      <c r="P637" s="19">
        <v>1</v>
      </c>
      <c r="Q637" s="46"/>
      <c r="R637" s="23">
        <v>45065</v>
      </c>
    </row>
    <row r="638" spans="1:18" ht="14.25" customHeight="1" x14ac:dyDescent="0.2">
      <c r="A638" s="42" t="s">
        <v>8430</v>
      </c>
      <c r="B638" s="10" t="s">
        <v>1807</v>
      </c>
      <c r="C638" s="16">
        <v>2</v>
      </c>
      <c r="D638" s="16">
        <v>512</v>
      </c>
      <c r="E638" s="16">
        <v>1504</v>
      </c>
      <c r="F638" s="35" t="s">
        <v>5214</v>
      </c>
      <c r="G638" s="32" t="s">
        <v>6880</v>
      </c>
      <c r="H638" s="35" t="s">
        <v>725</v>
      </c>
      <c r="I638" s="35" t="s">
        <v>4707</v>
      </c>
      <c r="J638" s="18">
        <v>35.595887311457098</v>
      </c>
      <c r="K638" s="18">
        <v>139.61928826417</v>
      </c>
      <c r="L638" s="35" t="s">
        <v>2468</v>
      </c>
      <c r="M638" s="17" t="s">
        <v>5184</v>
      </c>
      <c r="N638" s="16" t="s">
        <v>10282</v>
      </c>
      <c r="O638" s="19">
        <v>1947</v>
      </c>
      <c r="P638" s="19">
        <v>1</v>
      </c>
      <c r="Q638" s="46"/>
      <c r="R638" s="23">
        <v>45065</v>
      </c>
    </row>
    <row r="639" spans="1:18" ht="14.25" customHeight="1" x14ac:dyDescent="0.2">
      <c r="A639" s="42" t="s">
        <v>8431</v>
      </c>
      <c r="B639" s="10" t="s">
        <v>1807</v>
      </c>
      <c r="C639" s="16">
        <v>2</v>
      </c>
      <c r="D639" s="16">
        <v>512</v>
      </c>
      <c r="E639" s="16">
        <v>1504</v>
      </c>
      <c r="F639" s="35" t="s">
        <v>5215</v>
      </c>
      <c r="G639" s="32" t="s">
        <v>6881</v>
      </c>
      <c r="H639" s="35" t="s">
        <v>717</v>
      </c>
      <c r="I639" s="35" t="s">
        <v>10514</v>
      </c>
      <c r="J639" s="18">
        <v>35.591798405961697</v>
      </c>
      <c r="K639" s="18">
        <v>139.621213514613</v>
      </c>
      <c r="L639" s="35" t="s">
        <v>2469</v>
      </c>
      <c r="M639" s="17" t="s">
        <v>5184</v>
      </c>
      <c r="N639" s="16" t="s">
        <v>10283</v>
      </c>
      <c r="O639" s="19">
        <v>1984</v>
      </c>
      <c r="P639" s="19">
        <v>1</v>
      </c>
      <c r="Q639" s="46"/>
      <c r="R639" s="23">
        <v>45065</v>
      </c>
    </row>
    <row r="640" spans="1:18" ht="14.25" customHeight="1" x14ac:dyDescent="0.2">
      <c r="A640" s="42" t="s">
        <v>8432</v>
      </c>
      <c r="B640" s="10" t="s">
        <v>1807</v>
      </c>
      <c r="C640" s="16">
        <v>2</v>
      </c>
      <c r="D640" s="16">
        <v>512</v>
      </c>
      <c r="E640" s="16">
        <v>1504</v>
      </c>
      <c r="F640" s="35" t="s">
        <v>5216</v>
      </c>
      <c r="G640" s="32" t="s">
        <v>6882</v>
      </c>
      <c r="H640" s="35" t="s">
        <v>737</v>
      </c>
      <c r="I640" s="35" t="s">
        <v>4708</v>
      </c>
      <c r="J640" s="18">
        <v>35.607334497334001</v>
      </c>
      <c r="K640" s="18">
        <v>139.60996265222099</v>
      </c>
      <c r="L640" s="35" t="s">
        <v>2470</v>
      </c>
      <c r="M640" s="17" t="s">
        <v>5184</v>
      </c>
      <c r="N640" s="16" t="s">
        <v>10284</v>
      </c>
      <c r="O640" s="19">
        <v>1957</v>
      </c>
      <c r="P640" s="19">
        <v>1</v>
      </c>
      <c r="Q640" s="46"/>
      <c r="R640" s="23">
        <v>45065</v>
      </c>
    </row>
    <row r="641" spans="1:18" ht="14.25" customHeight="1" x14ac:dyDescent="0.2">
      <c r="A641" s="42" t="s">
        <v>8433</v>
      </c>
      <c r="B641" s="10" t="s">
        <v>1807</v>
      </c>
      <c r="C641" s="16">
        <v>2</v>
      </c>
      <c r="D641" s="16">
        <v>512</v>
      </c>
      <c r="E641" s="16">
        <v>1504</v>
      </c>
      <c r="F641" s="35" t="s">
        <v>5217</v>
      </c>
      <c r="G641" s="32" t="s">
        <v>6883</v>
      </c>
      <c r="H641" s="35" t="s">
        <v>753</v>
      </c>
      <c r="I641" s="35" t="s">
        <v>4709</v>
      </c>
      <c r="J641" s="18">
        <v>35.588852397249802</v>
      </c>
      <c r="K641" s="18">
        <v>139.59807570562299</v>
      </c>
      <c r="L641" s="35" t="s">
        <v>2471</v>
      </c>
      <c r="M641" s="17" t="s">
        <v>5184</v>
      </c>
      <c r="N641" s="16" t="s">
        <v>10285</v>
      </c>
      <c r="O641" s="19">
        <v>1947</v>
      </c>
      <c r="P641" s="19">
        <v>1</v>
      </c>
      <c r="Q641" s="46"/>
      <c r="R641" s="23">
        <v>45065</v>
      </c>
    </row>
    <row r="642" spans="1:18" ht="14.25" customHeight="1" x14ac:dyDescent="0.2">
      <c r="A642" s="42" t="s">
        <v>8434</v>
      </c>
      <c r="B642" s="10" t="s">
        <v>1807</v>
      </c>
      <c r="C642" s="16">
        <v>2</v>
      </c>
      <c r="D642" s="16">
        <v>512</v>
      </c>
      <c r="E642" s="16">
        <v>1504</v>
      </c>
      <c r="F642" s="35" t="s">
        <v>5218</v>
      </c>
      <c r="G642" s="32" t="s">
        <v>6884</v>
      </c>
      <c r="H642" s="35" t="s">
        <v>10206</v>
      </c>
      <c r="I642" s="35" t="s">
        <v>10515</v>
      </c>
      <c r="J642" s="18">
        <v>35.573805664619996</v>
      </c>
      <c r="K642" s="18">
        <v>139.606113014671</v>
      </c>
      <c r="L642" s="35" t="s">
        <v>2472</v>
      </c>
      <c r="M642" s="17" t="s">
        <v>5184</v>
      </c>
      <c r="N642" s="16" t="s">
        <v>10286</v>
      </c>
      <c r="O642" s="19">
        <v>1980</v>
      </c>
      <c r="P642" s="19">
        <v>1</v>
      </c>
      <c r="Q642" s="46"/>
      <c r="R642" s="23">
        <v>45065</v>
      </c>
    </row>
    <row r="643" spans="1:18" ht="14.25" customHeight="1" x14ac:dyDescent="0.2">
      <c r="A643" s="42" t="s">
        <v>8435</v>
      </c>
      <c r="B643" s="10" t="s">
        <v>1807</v>
      </c>
      <c r="C643" s="16">
        <v>2</v>
      </c>
      <c r="D643" s="16">
        <v>512</v>
      </c>
      <c r="E643" s="16">
        <v>1504</v>
      </c>
      <c r="F643" s="35" t="s">
        <v>5219</v>
      </c>
      <c r="G643" s="32" t="s">
        <v>6885</v>
      </c>
      <c r="H643" s="35" t="s">
        <v>748</v>
      </c>
      <c r="I643" s="35" t="s">
        <v>4710</v>
      </c>
      <c r="J643" s="18">
        <v>35.570933220405401</v>
      </c>
      <c r="K643" s="18">
        <v>139.577352568214</v>
      </c>
      <c r="L643" s="35" t="s">
        <v>2473</v>
      </c>
      <c r="M643" s="17" t="s">
        <v>5184</v>
      </c>
      <c r="N643" s="16" t="s">
        <v>10287</v>
      </c>
      <c r="O643" s="19">
        <v>1978</v>
      </c>
      <c r="P643" s="19">
        <v>1</v>
      </c>
      <c r="Q643" s="46"/>
      <c r="R643" s="23">
        <v>45065</v>
      </c>
    </row>
    <row r="644" spans="1:18" ht="14.25" customHeight="1" x14ac:dyDescent="0.2">
      <c r="A644" s="42" t="s">
        <v>8436</v>
      </c>
      <c r="B644" s="10" t="s">
        <v>1807</v>
      </c>
      <c r="C644" s="16">
        <v>2</v>
      </c>
      <c r="D644" s="16">
        <v>512</v>
      </c>
      <c r="E644" s="16">
        <v>1504</v>
      </c>
      <c r="F644" s="35" t="s">
        <v>5220</v>
      </c>
      <c r="G644" s="32" t="s">
        <v>6886</v>
      </c>
      <c r="H644" s="35" t="s">
        <v>750</v>
      </c>
      <c r="I644" s="35" t="s">
        <v>4711</v>
      </c>
      <c r="J644" s="18">
        <v>35.589464017995098</v>
      </c>
      <c r="K644" s="18">
        <v>139.583317571756</v>
      </c>
      <c r="L644" s="35" t="s">
        <v>2474</v>
      </c>
      <c r="M644" s="17" t="s">
        <v>5184</v>
      </c>
      <c r="N644" s="16" t="s">
        <v>10288</v>
      </c>
      <c r="O644" s="19">
        <v>1976</v>
      </c>
      <c r="P644" s="19">
        <v>1</v>
      </c>
      <c r="Q644" s="46"/>
      <c r="R644" s="23">
        <v>45065</v>
      </c>
    </row>
    <row r="645" spans="1:18" ht="14.25" customHeight="1" x14ac:dyDescent="0.2">
      <c r="A645" s="42" t="s">
        <v>8437</v>
      </c>
      <c r="B645" s="10" t="s">
        <v>1807</v>
      </c>
      <c r="C645" s="16">
        <v>2</v>
      </c>
      <c r="D645" s="16">
        <v>512</v>
      </c>
      <c r="E645" s="16">
        <v>1504</v>
      </c>
      <c r="F645" s="35" t="s">
        <v>5221</v>
      </c>
      <c r="G645" s="32" t="s">
        <v>6887</v>
      </c>
      <c r="H645" s="35" t="s">
        <v>1682</v>
      </c>
      <c r="I645" s="35" t="s">
        <v>4712</v>
      </c>
      <c r="J645" s="18">
        <v>35.598431426582799</v>
      </c>
      <c r="K645" s="18">
        <v>139.58125138840401</v>
      </c>
      <c r="L645" s="35" t="s">
        <v>2475</v>
      </c>
      <c r="M645" s="17" t="s">
        <v>5184</v>
      </c>
      <c r="N645" s="16" t="s">
        <v>10289</v>
      </c>
      <c r="O645" s="19">
        <v>1947</v>
      </c>
      <c r="P645" s="19">
        <v>1</v>
      </c>
      <c r="Q645" s="46"/>
      <c r="R645" s="23">
        <v>45065</v>
      </c>
    </row>
    <row r="646" spans="1:18" ht="14.25" customHeight="1" x14ac:dyDescent="0.2">
      <c r="A646" s="42" t="s">
        <v>8438</v>
      </c>
      <c r="B646" s="10" t="s">
        <v>1807</v>
      </c>
      <c r="C646" s="16">
        <v>2</v>
      </c>
      <c r="D646" s="16">
        <v>512</v>
      </c>
      <c r="E646" s="16">
        <v>1504</v>
      </c>
      <c r="F646" s="35" t="s">
        <v>5222</v>
      </c>
      <c r="G646" s="32" t="s">
        <v>6888</v>
      </c>
      <c r="H646" s="35" t="s">
        <v>755</v>
      </c>
      <c r="I646" s="35" t="s">
        <v>4713</v>
      </c>
      <c r="J646" s="18">
        <v>35.603420933851801</v>
      </c>
      <c r="K646" s="18">
        <v>139.56924231881899</v>
      </c>
      <c r="L646" s="35" t="s">
        <v>2476</v>
      </c>
      <c r="M646" s="17" t="s">
        <v>5184</v>
      </c>
      <c r="N646" s="16" t="s">
        <v>10290</v>
      </c>
      <c r="O646" s="19">
        <v>1986</v>
      </c>
      <c r="P646" s="19">
        <v>1</v>
      </c>
      <c r="Q646" s="46"/>
      <c r="R646" s="23">
        <v>45065</v>
      </c>
    </row>
    <row r="647" spans="1:18" ht="14.25" customHeight="1" x14ac:dyDescent="0.2">
      <c r="A647" s="42" t="s">
        <v>8439</v>
      </c>
      <c r="B647" s="10" t="s">
        <v>1807</v>
      </c>
      <c r="C647" s="16">
        <v>2</v>
      </c>
      <c r="D647" s="16">
        <v>512</v>
      </c>
      <c r="E647" s="16">
        <v>1504</v>
      </c>
      <c r="F647" s="35" t="s">
        <v>5223</v>
      </c>
      <c r="G647" s="32" t="s">
        <v>6889</v>
      </c>
      <c r="H647" s="35" t="s">
        <v>760</v>
      </c>
      <c r="I647" s="35" t="s">
        <v>4714</v>
      </c>
      <c r="J647" s="18">
        <v>35.598332418280101</v>
      </c>
      <c r="K647" s="18">
        <v>139.55240475659701</v>
      </c>
      <c r="L647" s="35" t="s">
        <v>2477</v>
      </c>
      <c r="M647" s="17" t="s">
        <v>5184</v>
      </c>
      <c r="N647" s="16" t="s">
        <v>10291</v>
      </c>
      <c r="O647" s="19">
        <v>1973</v>
      </c>
      <c r="P647" s="19">
        <v>1</v>
      </c>
      <c r="Q647" s="46"/>
      <c r="R647" s="23">
        <v>45065</v>
      </c>
    </row>
    <row r="648" spans="1:18" ht="14.25" customHeight="1" x14ac:dyDescent="0.2">
      <c r="A648" s="42" t="s">
        <v>8440</v>
      </c>
      <c r="B648" s="10" t="s">
        <v>1807</v>
      </c>
      <c r="C648" s="16">
        <v>2</v>
      </c>
      <c r="D648" s="16">
        <v>512</v>
      </c>
      <c r="E648" s="16">
        <v>1504</v>
      </c>
      <c r="F648" s="35" t="s">
        <v>5224</v>
      </c>
      <c r="G648" s="32" t="s">
        <v>6890</v>
      </c>
      <c r="H648" s="35" t="s">
        <v>1683</v>
      </c>
      <c r="I648" s="35" t="s">
        <v>4715</v>
      </c>
      <c r="J648" s="18">
        <v>35.589094392563602</v>
      </c>
      <c r="K648" s="18">
        <v>139.56351748842499</v>
      </c>
      <c r="L648" s="35" t="s">
        <v>2478</v>
      </c>
      <c r="M648" s="17" t="s">
        <v>5184</v>
      </c>
      <c r="N648" s="16" t="s">
        <v>10292</v>
      </c>
      <c r="O648" s="19">
        <v>1978</v>
      </c>
      <c r="P648" s="19">
        <v>1</v>
      </c>
      <c r="Q648" s="46"/>
      <c r="R648" s="23">
        <v>45065</v>
      </c>
    </row>
    <row r="649" spans="1:18" ht="14.25" customHeight="1" x14ac:dyDescent="0.2">
      <c r="A649" s="42" t="s">
        <v>8441</v>
      </c>
      <c r="B649" s="10" t="s">
        <v>1807</v>
      </c>
      <c r="C649" s="16">
        <v>2</v>
      </c>
      <c r="D649" s="16">
        <v>512</v>
      </c>
      <c r="E649" s="16">
        <v>1504</v>
      </c>
      <c r="F649" s="35" t="s">
        <v>5225</v>
      </c>
      <c r="G649" s="32" t="s">
        <v>6891</v>
      </c>
      <c r="H649" s="35" t="s">
        <v>767</v>
      </c>
      <c r="I649" s="35" t="s">
        <v>4716</v>
      </c>
      <c r="J649" s="18">
        <v>35.617699364766302</v>
      </c>
      <c r="K649" s="18">
        <v>139.578959811782</v>
      </c>
      <c r="L649" s="35" t="s">
        <v>2479</v>
      </c>
      <c r="M649" s="17" t="s">
        <v>5184</v>
      </c>
      <c r="N649" s="16" t="s">
        <v>10293</v>
      </c>
      <c r="O649" s="19">
        <v>1947</v>
      </c>
      <c r="P649" s="19">
        <v>1</v>
      </c>
      <c r="Q649" s="46"/>
      <c r="R649" s="23">
        <v>45065</v>
      </c>
    </row>
    <row r="650" spans="1:18" ht="14.25" customHeight="1" x14ac:dyDescent="0.2">
      <c r="A650" s="42" t="s">
        <v>8442</v>
      </c>
      <c r="B650" s="10" t="s">
        <v>1807</v>
      </c>
      <c r="C650" s="16">
        <v>2</v>
      </c>
      <c r="D650" s="16">
        <v>512</v>
      </c>
      <c r="E650" s="16">
        <v>1504</v>
      </c>
      <c r="F650" s="35" t="s">
        <v>5226</v>
      </c>
      <c r="G650" s="32" t="s">
        <v>6892</v>
      </c>
      <c r="H650" s="35" t="s">
        <v>785</v>
      </c>
      <c r="I650" s="35" t="s">
        <v>4717</v>
      </c>
      <c r="J650" s="18">
        <v>35.618654351072699</v>
      </c>
      <c r="K650" s="18">
        <v>139.54812036318299</v>
      </c>
      <c r="L650" s="35" t="s">
        <v>2480</v>
      </c>
      <c r="M650" s="17" t="s">
        <v>5184</v>
      </c>
      <c r="N650" s="16" t="s">
        <v>10294</v>
      </c>
      <c r="O650" s="19">
        <v>1980</v>
      </c>
      <c r="P650" s="19">
        <v>1</v>
      </c>
      <c r="Q650" s="46"/>
      <c r="R650" s="23">
        <v>45065</v>
      </c>
    </row>
    <row r="651" spans="1:18" ht="14.25" customHeight="1" x14ac:dyDescent="0.2">
      <c r="A651" s="42" t="s">
        <v>8443</v>
      </c>
      <c r="B651" s="10" t="s">
        <v>1807</v>
      </c>
      <c r="C651" s="16">
        <v>2</v>
      </c>
      <c r="D651" s="16">
        <v>512</v>
      </c>
      <c r="E651" s="16">
        <v>1504</v>
      </c>
      <c r="F651" s="35" t="s">
        <v>5227</v>
      </c>
      <c r="G651" s="32" t="s">
        <v>6893</v>
      </c>
      <c r="H651" s="35" t="s">
        <v>774</v>
      </c>
      <c r="I651" s="35" t="s">
        <v>4718</v>
      </c>
      <c r="J651" s="18">
        <v>35.628251911530199</v>
      </c>
      <c r="K651" s="18">
        <v>139.54609520663499</v>
      </c>
      <c r="L651" s="35" t="s">
        <v>2481</v>
      </c>
      <c r="M651" s="17" t="s">
        <v>5184</v>
      </c>
      <c r="N651" s="16" t="s">
        <v>10295</v>
      </c>
      <c r="O651" s="19">
        <v>1960</v>
      </c>
      <c r="P651" s="19">
        <v>1</v>
      </c>
      <c r="Q651" s="46"/>
      <c r="R651" s="23">
        <v>45065</v>
      </c>
    </row>
    <row r="652" spans="1:18" ht="14.25" customHeight="1" x14ac:dyDescent="0.2">
      <c r="A652" s="42" t="s">
        <v>8444</v>
      </c>
      <c r="B652" s="10" t="s">
        <v>1807</v>
      </c>
      <c r="C652" s="16">
        <v>2</v>
      </c>
      <c r="D652" s="16">
        <v>512</v>
      </c>
      <c r="E652" s="16">
        <v>1504</v>
      </c>
      <c r="F652" s="35" t="s">
        <v>5228</v>
      </c>
      <c r="G652" s="32" t="s">
        <v>6894</v>
      </c>
      <c r="H652" s="35" t="s">
        <v>778</v>
      </c>
      <c r="I652" s="35" t="s">
        <v>4719</v>
      </c>
      <c r="J652" s="18">
        <v>35.622617539304201</v>
      </c>
      <c r="K652" s="18">
        <v>139.53023711180401</v>
      </c>
      <c r="L652" s="35" t="s">
        <v>2482</v>
      </c>
      <c r="M652" s="17" t="s">
        <v>5184</v>
      </c>
      <c r="N652" s="16" t="s">
        <v>10296</v>
      </c>
      <c r="O652" s="19">
        <v>1985</v>
      </c>
      <c r="P652" s="19">
        <v>1</v>
      </c>
      <c r="Q652" s="46"/>
      <c r="R652" s="23">
        <v>45065</v>
      </c>
    </row>
    <row r="653" spans="1:18" ht="14.25" customHeight="1" x14ac:dyDescent="0.2">
      <c r="A653" s="42" t="s">
        <v>8445</v>
      </c>
      <c r="B653" s="10" t="s">
        <v>1807</v>
      </c>
      <c r="C653" s="16">
        <v>2</v>
      </c>
      <c r="D653" s="16">
        <v>512</v>
      </c>
      <c r="E653" s="16">
        <v>1504</v>
      </c>
      <c r="F653" s="35" t="s">
        <v>5229</v>
      </c>
      <c r="G653" s="32" t="s">
        <v>6895</v>
      </c>
      <c r="H653" s="35" t="s">
        <v>1684</v>
      </c>
      <c r="I653" s="35" t="s">
        <v>4720</v>
      </c>
      <c r="J653" s="18">
        <v>35.636270228015803</v>
      </c>
      <c r="K653" s="18">
        <v>139.523059202978</v>
      </c>
      <c r="L653" s="35" t="s">
        <v>2483</v>
      </c>
      <c r="M653" s="17" t="s">
        <v>5184</v>
      </c>
      <c r="N653" s="16" t="s">
        <v>10297</v>
      </c>
      <c r="O653" s="19">
        <v>1977</v>
      </c>
      <c r="P653" s="19">
        <v>1</v>
      </c>
      <c r="Q653" s="46"/>
      <c r="R653" s="23">
        <v>45065</v>
      </c>
    </row>
    <row r="654" spans="1:18" ht="14.25" customHeight="1" x14ac:dyDescent="0.2">
      <c r="A654" s="42" t="s">
        <v>8446</v>
      </c>
      <c r="B654" s="10" t="s">
        <v>1807</v>
      </c>
      <c r="C654" s="16">
        <v>2</v>
      </c>
      <c r="D654" s="16">
        <v>512</v>
      </c>
      <c r="E654" s="16">
        <v>1504</v>
      </c>
      <c r="F654" s="35" t="s">
        <v>5230</v>
      </c>
      <c r="G654" s="32" t="s">
        <v>6896</v>
      </c>
      <c r="H654" s="35" t="s">
        <v>787</v>
      </c>
      <c r="I654" s="35" t="s">
        <v>4721</v>
      </c>
      <c r="J654" s="18">
        <v>35.612348640388099</v>
      </c>
      <c r="K654" s="18">
        <v>139.545906025579</v>
      </c>
      <c r="L654" s="35" t="s">
        <v>2484</v>
      </c>
      <c r="M654" s="17" t="s">
        <v>5184</v>
      </c>
      <c r="N654" s="16" t="s">
        <v>10298</v>
      </c>
      <c r="O654" s="19">
        <v>1947</v>
      </c>
      <c r="P654" s="19">
        <v>1</v>
      </c>
      <c r="Q654" s="46"/>
      <c r="R654" s="23">
        <v>45065</v>
      </c>
    </row>
    <row r="655" spans="1:18" ht="14.25" customHeight="1" x14ac:dyDescent="0.2">
      <c r="A655" s="42" t="s">
        <v>8447</v>
      </c>
      <c r="B655" s="10" t="s">
        <v>1807</v>
      </c>
      <c r="C655" s="16">
        <v>2</v>
      </c>
      <c r="D655" s="16">
        <v>512</v>
      </c>
      <c r="E655" s="16">
        <v>1504</v>
      </c>
      <c r="F655" s="35" t="s">
        <v>5231</v>
      </c>
      <c r="G655" s="32" t="s">
        <v>6897</v>
      </c>
      <c r="H655" s="35" t="s">
        <v>791</v>
      </c>
      <c r="I655" s="35" t="s">
        <v>4722</v>
      </c>
      <c r="J655" s="18">
        <v>35.605919149294898</v>
      </c>
      <c r="K655" s="18">
        <v>139.53369390257399</v>
      </c>
      <c r="L655" s="35" t="s">
        <v>2485</v>
      </c>
      <c r="M655" s="17" t="s">
        <v>5184</v>
      </c>
      <c r="N655" s="16" t="s">
        <v>10299</v>
      </c>
      <c r="O655" s="19">
        <v>1977</v>
      </c>
      <c r="P655" s="19">
        <v>1</v>
      </c>
      <c r="Q655" s="46"/>
      <c r="R655" s="23">
        <v>45065</v>
      </c>
    </row>
    <row r="656" spans="1:18" ht="14.25" customHeight="1" x14ac:dyDescent="0.2">
      <c r="A656" s="42" t="s">
        <v>8448</v>
      </c>
      <c r="B656" s="10" t="s">
        <v>1807</v>
      </c>
      <c r="C656" s="16">
        <v>2</v>
      </c>
      <c r="D656" s="16">
        <v>512</v>
      </c>
      <c r="E656" s="16">
        <v>1504</v>
      </c>
      <c r="F656" s="35" t="s">
        <v>5232</v>
      </c>
      <c r="G656" s="32" t="s">
        <v>6898</v>
      </c>
      <c r="H656" s="35" t="s">
        <v>1685</v>
      </c>
      <c r="I656" s="35" t="s">
        <v>4723</v>
      </c>
      <c r="J656" s="18">
        <v>35.615853424759699</v>
      </c>
      <c r="K656" s="18">
        <v>139.51926814695599</v>
      </c>
      <c r="L656" s="35" t="s">
        <v>2486</v>
      </c>
      <c r="M656" s="17" t="s">
        <v>5184</v>
      </c>
      <c r="N656" s="16" t="s">
        <v>10300</v>
      </c>
      <c r="O656" s="19">
        <v>1970</v>
      </c>
      <c r="P656" s="19">
        <v>1</v>
      </c>
      <c r="Q656" s="46"/>
      <c r="R656" s="23">
        <v>45065</v>
      </c>
    </row>
    <row r="657" spans="1:18" ht="14.25" customHeight="1" x14ac:dyDescent="0.2">
      <c r="A657" s="42" t="s">
        <v>8449</v>
      </c>
      <c r="B657" s="10" t="s">
        <v>1807</v>
      </c>
      <c r="C657" s="16">
        <v>2</v>
      </c>
      <c r="D657" s="16">
        <v>512</v>
      </c>
      <c r="E657" s="16">
        <v>1504</v>
      </c>
      <c r="F657" s="35" t="s">
        <v>5233</v>
      </c>
      <c r="G657" s="32" t="s">
        <v>6899</v>
      </c>
      <c r="H657" s="35" t="s">
        <v>798</v>
      </c>
      <c r="I657" s="35" t="s">
        <v>4724</v>
      </c>
      <c r="J657" s="18">
        <v>35.613731214511297</v>
      </c>
      <c r="K657" s="18">
        <v>139.49928537315699</v>
      </c>
      <c r="L657" s="35" t="s">
        <v>2487</v>
      </c>
      <c r="M657" s="17" t="s">
        <v>5184</v>
      </c>
      <c r="N657" s="16" t="s">
        <v>10301</v>
      </c>
      <c r="O657" s="19">
        <v>1986</v>
      </c>
      <c r="P657" s="19">
        <v>1</v>
      </c>
      <c r="Q657" s="46"/>
      <c r="R657" s="23">
        <v>45065</v>
      </c>
    </row>
    <row r="658" spans="1:18" ht="14.25" customHeight="1" x14ac:dyDescent="0.2">
      <c r="A658" s="42" t="s">
        <v>8450</v>
      </c>
      <c r="B658" s="10" t="s">
        <v>1807</v>
      </c>
      <c r="C658" s="16">
        <v>2</v>
      </c>
      <c r="D658" s="16">
        <v>512</v>
      </c>
      <c r="E658" s="16">
        <v>1504</v>
      </c>
      <c r="F658" s="35" t="s">
        <v>5234</v>
      </c>
      <c r="G658" s="32" t="s">
        <v>6900</v>
      </c>
      <c r="H658" s="35" t="s">
        <v>793</v>
      </c>
      <c r="I658" s="35" t="s">
        <v>4725</v>
      </c>
      <c r="J658" s="18">
        <v>35.597968095921601</v>
      </c>
      <c r="K658" s="18">
        <v>139.52418177769701</v>
      </c>
      <c r="L658" s="35" t="s">
        <v>2488</v>
      </c>
      <c r="M658" s="17" t="s">
        <v>5184</v>
      </c>
      <c r="N658" s="16" t="s">
        <v>10302</v>
      </c>
      <c r="O658" s="19">
        <v>1977</v>
      </c>
      <c r="P658" s="19">
        <v>1</v>
      </c>
      <c r="Q658" s="46"/>
      <c r="R658" s="23">
        <v>45065</v>
      </c>
    </row>
    <row r="659" spans="1:18" ht="14.25" customHeight="1" x14ac:dyDescent="0.2">
      <c r="A659" s="42" t="s">
        <v>8451</v>
      </c>
      <c r="B659" s="10" t="s">
        <v>1807</v>
      </c>
      <c r="C659" s="16">
        <v>2</v>
      </c>
      <c r="D659" s="16">
        <v>512</v>
      </c>
      <c r="E659" s="16">
        <v>1504</v>
      </c>
      <c r="F659" s="35" t="s">
        <v>1686</v>
      </c>
      <c r="G659" s="32" t="s">
        <v>6901</v>
      </c>
      <c r="H659" s="35" t="s">
        <v>804</v>
      </c>
      <c r="I659" s="35" t="s">
        <v>4726</v>
      </c>
      <c r="J659" s="18">
        <v>35.5960669863493</v>
      </c>
      <c r="K659" s="18">
        <v>139.50369425961401</v>
      </c>
      <c r="L659" s="35" t="s">
        <v>2489</v>
      </c>
      <c r="M659" s="17" t="s">
        <v>5184</v>
      </c>
      <c r="N659" s="16" t="s">
        <v>10303</v>
      </c>
      <c r="O659" s="19">
        <v>1991</v>
      </c>
      <c r="P659" s="19">
        <v>1</v>
      </c>
      <c r="Q659" s="46"/>
      <c r="R659" s="23">
        <v>45065</v>
      </c>
    </row>
    <row r="660" spans="1:18" ht="14.25" customHeight="1" x14ac:dyDescent="0.2">
      <c r="A660" s="42" t="s">
        <v>8452</v>
      </c>
      <c r="B660" s="10" t="s">
        <v>1807</v>
      </c>
      <c r="C660" s="16">
        <v>2</v>
      </c>
      <c r="D660" s="16">
        <v>512</v>
      </c>
      <c r="E660" s="16">
        <v>1504</v>
      </c>
      <c r="F660" s="35" t="s">
        <v>5235</v>
      </c>
      <c r="G660" s="32" t="s">
        <v>6902</v>
      </c>
      <c r="H660" s="35" t="s">
        <v>804</v>
      </c>
      <c r="I660" s="35" t="s">
        <v>4727</v>
      </c>
      <c r="J660" s="18">
        <v>35.586481632766898</v>
      </c>
      <c r="K660" s="18">
        <v>139.49998637356299</v>
      </c>
      <c r="L660" s="35" t="s">
        <v>2490</v>
      </c>
      <c r="M660" s="17" t="s">
        <v>5184</v>
      </c>
      <c r="N660" s="16" t="s">
        <v>10304</v>
      </c>
      <c r="O660" s="19">
        <v>1947</v>
      </c>
      <c r="P660" s="19">
        <v>1</v>
      </c>
      <c r="Q660" s="46"/>
      <c r="R660" s="23">
        <v>45065</v>
      </c>
    </row>
    <row r="661" spans="1:18" ht="14.25" customHeight="1" x14ac:dyDescent="0.2">
      <c r="A661" s="42" t="s">
        <v>8453</v>
      </c>
      <c r="B661" s="10" t="s">
        <v>1807</v>
      </c>
      <c r="C661" s="16">
        <v>2</v>
      </c>
      <c r="D661" s="16">
        <v>512</v>
      </c>
      <c r="E661" s="16">
        <v>1504</v>
      </c>
      <c r="F661" s="35" t="s">
        <v>5236</v>
      </c>
      <c r="G661" s="32" t="s">
        <v>6903</v>
      </c>
      <c r="H661" s="35" t="s">
        <v>1687</v>
      </c>
      <c r="I661" s="35" t="s">
        <v>4728</v>
      </c>
      <c r="J661" s="18">
        <v>35.601253267066497</v>
      </c>
      <c r="K661" s="18">
        <v>139.48607696533301</v>
      </c>
      <c r="L661" s="35" t="s">
        <v>2491</v>
      </c>
      <c r="M661" s="17" t="s">
        <v>5184</v>
      </c>
      <c r="N661" s="16" t="s">
        <v>10305</v>
      </c>
      <c r="O661" s="19">
        <v>1979</v>
      </c>
      <c r="P661" s="19">
        <v>1</v>
      </c>
      <c r="Q661" s="46"/>
      <c r="R661" s="23">
        <v>45065</v>
      </c>
    </row>
    <row r="662" spans="1:18" ht="14.25" customHeight="1" x14ac:dyDescent="0.2">
      <c r="A662" s="42" t="s">
        <v>8454</v>
      </c>
      <c r="B662" s="10" t="s">
        <v>1807</v>
      </c>
      <c r="C662" s="16">
        <v>2</v>
      </c>
      <c r="D662" s="16">
        <v>512</v>
      </c>
      <c r="E662" s="16">
        <v>1504</v>
      </c>
      <c r="F662" s="35" t="s">
        <v>1688</v>
      </c>
      <c r="G662" s="32" t="s">
        <v>6904</v>
      </c>
      <c r="H662" s="35" t="s">
        <v>819</v>
      </c>
      <c r="I662" s="35" t="s">
        <v>4681</v>
      </c>
      <c r="J662" s="18">
        <v>35.617778324249102</v>
      </c>
      <c r="K662" s="18">
        <v>139.46104632111499</v>
      </c>
      <c r="L662" s="35" t="s">
        <v>2442</v>
      </c>
      <c r="M662" s="17" t="s">
        <v>5184</v>
      </c>
      <c r="N662" s="16" t="s">
        <v>10256</v>
      </c>
      <c r="O662" s="19">
        <v>2008</v>
      </c>
      <c r="P662" s="19">
        <v>1</v>
      </c>
      <c r="Q662" s="46"/>
      <c r="R662" s="23">
        <v>45065</v>
      </c>
    </row>
    <row r="663" spans="1:18" ht="14.25" customHeight="1" x14ac:dyDescent="0.2">
      <c r="A663" s="42" t="s">
        <v>8455</v>
      </c>
      <c r="B663" s="10" t="s">
        <v>1807</v>
      </c>
      <c r="C663" s="16">
        <v>2</v>
      </c>
      <c r="D663" s="16">
        <v>512</v>
      </c>
      <c r="E663" s="16">
        <v>1504</v>
      </c>
      <c r="F663" s="35" t="s">
        <v>1689</v>
      </c>
      <c r="G663" s="32" t="s">
        <v>6905</v>
      </c>
      <c r="H663" s="35" t="s">
        <v>806</v>
      </c>
      <c r="I663" s="35" t="s">
        <v>4729</v>
      </c>
      <c r="J663" s="18">
        <v>35.585756008514501</v>
      </c>
      <c r="K663" s="18">
        <v>139.51312042640399</v>
      </c>
      <c r="L663" s="35" t="s">
        <v>2492</v>
      </c>
      <c r="M663" s="17" t="s">
        <v>5184</v>
      </c>
      <c r="N663" s="16" t="s">
        <v>10306</v>
      </c>
      <c r="O663" s="19">
        <v>2008</v>
      </c>
      <c r="P663" s="19">
        <v>1</v>
      </c>
      <c r="Q663" s="46"/>
      <c r="R663" s="23">
        <v>45065</v>
      </c>
    </row>
    <row r="664" spans="1:18" ht="14.25" customHeight="1" x14ac:dyDescent="0.2">
      <c r="A664" s="42" t="s">
        <v>8456</v>
      </c>
      <c r="B664" s="10" t="s">
        <v>1807</v>
      </c>
      <c r="C664" s="16">
        <v>5</v>
      </c>
      <c r="D664" s="16">
        <v>513</v>
      </c>
      <c r="E664" s="16">
        <v>1505</v>
      </c>
      <c r="F664" s="35" t="s">
        <v>1842</v>
      </c>
      <c r="G664" s="32" t="s">
        <v>6906</v>
      </c>
      <c r="H664" s="35" t="s">
        <v>1843</v>
      </c>
      <c r="I664" s="35" t="s">
        <v>4692</v>
      </c>
      <c r="J664" s="18">
        <v>35.526798106675997</v>
      </c>
      <c r="K664" s="18">
        <v>139.71508688599201</v>
      </c>
      <c r="L664" s="35" t="s">
        <v>2493</v>
      </c>
      <c r="M664" s="17" t="s">
        <v>5184</v>
      </c>
      <c r="N664" s="16" t="s">
        <v>5237</v>
      </c>
      <c r="O664" s="19">
        <v>1911</v>
      </c>
      <c r="P664" s="19">
        <v>0</v>
      </c>
      <c r="Q664" s="49" t="s">
        <v>10307</v>
      </c>
      <c r="R664" s="23">
        <v>45065</v>
      </c>
    </row>
    <row r="665" spans="1:18" ht="14.25" customHeight="1" x14ac:dyDescent="0.2">
      <c r="A665" s="42" t="s">
        <v>8457</v>
      </c>
      <c r="B665" s="10" t="s">
        <v>1807</v>
      </c>
      <c r="C665" s="16">
        <v>5</v>
      </c>
      <c r="D665" s="16">
        <v>513</v>
      </c>
      <c r="E665" s="16">
        <v>1505</v>
      </c>
      <c r="F665" s="35" t="s">
        <v>1844</v>
      </c>
      <c r="G665" s="32" t="s">
        <v>6907</v>
      </c>
      <c r="H665" s="35" t="s">
        <v>665</v>
      </c>
      <c r="I665" s="35" t="s">
        <v>4730</v>
      </c>
      <c r="J665" s="18">
        <v>35.542025323310597</v>
      </c>
      <c r="K665" s="18">
        <v>139.68636354165801</v>
      </c>
      <c r="L665" s="35" t="s">
        <v>2494</v>
      </c>
      <c r="M665" s="17" t="s">
        <v>5184</v>
      </c>
      <c r="N665" s="16" t="s">
        <v>5238</v>
      </c>
      <c r="O665" s="19">
        <v>1953</v>
      </c>
      <c r="P665" s="19">
        <v>0</v>
      </c>
      <c r="Q665" s="49" t="s">
        <v>10308</v>
      </c>
      <c r="R665" s="23">
        <v>45065</v>
      </c>
    </row>
    <row r="666" spans="1:18" ht="14.25" customHeight="1" x14ac:dyDescent="0.2">
      <c r="A666" s="42" t="s">
        <v>8458</v>
      </c>
      <c r="B666" s="10" t="s">
        <v>1807</v>
      </c>
      <c r="C666" s="16">
        <v>5</v>
      </c>
      <c r="D666" s="16">
        <v>513</v>
      </c>
      <c r="E666" s="16">
        <v>1505</v>
      </c>
      <c r="F666" s="35" t="s">
        <v>5239</v>
      </c>
      <c r="G666" s="32" t="s">
        <v>6908</v>
      </c>
      <c r="H666" s="35" t="s">
        <v>1845</v>
      </c>
      <c r="I666" s="35" t="s">
        <v>4731</v>
      </c>
      <c r="J666" s="18">
        <v>35.552700881713101</v>
      </c>
      <c r="K666" s="18">
        <v>139.69600165951701</v>
      </c>
      <c r="L666" s="35" t="s">
        <v>2495</v>
      </c>
      <c r="M666" s="17" t="s">
        <v>5184</v>
      </c>
      <c r="N666" s="16" t="s">
        <v>10309</v>
      </c>
      <c r="O666" s="19">
        <v>1963</v>
      </c>
      <c r="P666" s="19">
        <v>0</v>
      </c>
      <c r="Q666" s="49" t="s">
        <v>10310</v>
      </c>
      <c r="R666" s="23">
        <v>45065</v>
      </c>
    </row>
    <row r="667" spans="1:18" ht="14.25" customHeight="1" x14ac:dyDescent="0.2">
      <c r="A667" s="42" t="s">
        <v>8459</v>
      </c>
      <c r="B667" s="10" t="s">
        <v>1807</v>
      </c>
      <c r="C667" s="16">
        <v>5</v>
      </c>
      <c r="D667" s="16">
        <v>513</v>
      </c>
      <c r="E667" s="16">
        <v>1505</v>
      </c>
      <c r="F667" s="35" t="s">
        <v>5240</v>
      </c>
      <c r="G667" s="32" t="s">
        <v>6909</v>
      </c>
      <c r="H667" s="35" t="s">
        <v>1678</v>
      </c>
      <c r="I667" s="35" t="s">
        <v>4699</v>
      </c>
      <c r="J667" s="18">
        <v>35.567418677896001</v>
      </c>
      <c r="K667" s="18">
        <v>139.66710357344601</v>
      </c>
      <c r="L667" s="35" t="s">
        <v>2496</v>
      </c>
      <c r="M667" s="17" t="s">
        <v>5184</v>
      </c>
      <c r="N667" s="16" t="s">
        <v>10311</v>
      </c>
      <c r="O667" s="19">
        <v>1942</v>
      </c>
      <c r="P667" s="19">
        <v>0</v>
      </c>
      <c r="Q667" s="49" t="s">
        <v>10312</v>
      </c>
      <c r="R667" s="23">
        <v>45065</v>
      </c>
    </row>
    <row r="668" spans="1:18" ht="14.25" customHeight="1" x14ac:dyDescent="0.2">
      <c r="A668" s="42" t="s">
        <v>8460</v>
      </c>
      <c r="B668" s="10" t="s">
        <v>1807</v>
      </c>
      <c r="C668" s="16">
        <v>5</v>
      </c>
      <c r="D668" s="16">
        <v>513</v>
      </c>
      <c r="E668" s="16">
        <v>1505</v>
      </c>
      <c r="F668" s="35" t="s">
        <v>5241</v>
      </c>
      <c r="G668" s="32" t="s">
        <v>6910</v>
      </c>
      <c r="H668" s="35" t="s">
        <v>725</v>
      </c>
      <c r="I668" s="35" t="s">
        <v>4732</v>
      </c>
      <c r="J668" s="18">
        <v>35.596047693616597</v>
      </c>
      <c r="K668" s="18">
        <v>139.61659134754601</v>
      </c>
      <c r="L668" s="35" t="s">
        <v>2497</v>
      </c>
      <c r="M668" s="17" t="s">
        <v>5184</v>
      </c>
      <c r="N668" s="16" t="s">
        <v>10313</v>
      </c>
      <c r="O668" s="19">
        <v>1928</v>
      </c>
      <c r="P668" s="19">
        <v>0</v>
      </c>
      <c r="Q668" s="49" t="s">
        <v>10314</v>
      </c>
      <c r="R668" s="23">
        <v>45065</v>
      </c>
    </row>
    <row r="669" spans="1:18" ht="14.25" customHeight="1" x14ac:dyDescent="0.2">
      <c r="A669" s="50" t="s">
        <v>10002</v>
      </c>
      <c r="B669" s="10" t="s">
        <v>9117</v>
      </c>
      <c r="C669" s="40">
        <v>1</v>
      </c>
      <c r="D669" s="17">
        <v>511</v>
      </c>
      <c r="E669" s="17">
        <v>1503</v>
      </c>
      <c r="F669" s="43" t="s">
        <v>9118</v>
      </c>
      <c r="G669" s="26" t="s">
        <v>10188</v>
      </c>
      <c r="H669" s="43" t="s">
        <v>10189</v>
      </c>
      <c r="I669" s="43" t="s">
        <v>9119</v>
      </c>
      <c r="J669" s="18">
        <v>35.580316091586297</v>
      </c>
      <c r="K669" s="18">
        <v>139.65678659789501</v>
      </c>
      <c r="L669" s="43" t="s">
        <v>9120</v>
      </c>
      <c r="M669" s="17" t="s">
        <v>4103</v>
      </c>
      <c r="N669" s="44" t="s">
        <v>10190</v>
      </c>
      <c r="O669" s="19">
        <v>2019</v>
      </c>
      <c r="P669" s="19">
        <v>1</v>
      </c>
      <c r="Q669" s="41"/>
      <c r="R669" s="23">
        <v>45065</v>
      </c>
    </row>
    <row r="670" spans="1:18" ht="14.25" customHeight="1" x14ac:dyDescent="0.2">
      <c r="A670" s="42" t="s">
        <v>8873</v>
      </c>
      <c r="B670" s="10" t="s">
        <v>10516</v>
      </c>
      <c r="C670" s="16">
        <v>1</v>
      </c>
      <c r="D670" s="16">
        <v>511</v>
      </c>
      <c r="E670" s="16">
        <v>1503</v>
      </c>
      <c r="F670" s="35" t="s">
        <v>869</v>
      </c>
      <c r="G670" s="32" t="s">
        <v>6956</v>
      </c>
      <c r="H670" s="35" t="s">
        <v>7537</v>
      </c>
      <c r="I670" s="35" t="s">
        <v>4755</v>
      </c>
      <c r="J670" s="18"/>
      <c r="K670" s="18"/>
      <c r="L670" s="35" t="s">
        <v>2542</v>
      </c>
      <c r="M670" s="17" t="s">
        <v>3622</v>
      </c>
      <c r="N670" s="16" t="s">
        <v>7538</v>
      </c>
      <c r="O670" s="19">
        <v>1892</v>
      </c>
      <c r="P670" s="19">
        <v>1</v>
      </c>
      <c r="Q670" s="49"/>
      <c r="R670" s="23">
        <v>45065</v>
      </c>
    </row>
    <row r="671" spans="1:18" ht="14.25" customHeight="1" x14ac:dyDescent="0.2">
      <c r="A671" s="42" t="s">
        <v>10036</v>
      </c>
      <c r="B671" s="10" t="s">
        <v>7536</v>
      </c>
      <c r="C671" s="16">
        <v>1</v>
      </c>
      <c r="D671" s="16">
        <v>511</v>
      </c>
      <c r="E671" s="16">
        <v>1503</v>
      </c>
      <c r="F671" s="35" t="s">
        <v>870</v>
      </c>
      <c r="G671" s="32" t="s">
        <v>6957</v>
      </c>
      <c r="H671" s="35" t="s">
        <v>7539</v>
      </c>
      <c r="I671" s="35" t="s">
        <v>4756</v>
      </c>
      <c r="J671" s="18"/>
      <c r="K671" s="18"/>
      <c r="L671" s="35" t="s">
        <v>2543</v>
      </c>
      <c r="M671" s="17" t="s">
        <v>3623</v>
      </c>
      <c r="N671" s="16" t="s">
        <v>7540</v>
      </c>
      <c r="O671" s="19">
        <v>1892</v>
      </c>
      <c r="P671" s="19">
        <v>1</v>
      </c>
      <c r="Q671" s="49"/>
      <c r="R671" s="23">
        <v>45065</v>
      </c>
    </row>
    <row r="672" spans="1:18" ht="14.25" customHeight="1" x14ac:dyDescent="0.2">
      <c r="A672" s="42" t="s">
        <v>8461</v>
      </c>
      <c r="B672" s="10" t="s">
        <v>7536</v>
      </c>
      <c r="C672" s="16">
        <v>1</v>
      </c>
      <c r="D672" s="16">
        <v>511</v>
      </c>
      <c r="E672" s="16">
        <v>1503</v>
      </c>
      <c r="F672" s="35" t="s">
        <v>848</v>
      </c>
      <c r="G672" s="32" t="s">
        <v>6935</v>
      </c>
      <c r="H672" s="35" t="s">
        <v>7541</v>
      </c>
      <c r="I672" s="35" t="s">
        <v>4750</v>
      </c>
      <c r="J672" s="18"/>
      <c r="K672" s="18"/>
      <c r="L672" s="35" t="s">
        <v>7542</v>
      </c>
      <c r="M672" s="17" t="s">
        <v>3601</v>
      </c>
      <c r="N672" s="16" t="s">
        <v>7543</v>
      </c>
      <c r="O672" s="19">
        <v>1874</v>
      </c>
      <c r="P672" s="19">
        <v>1</v>
      </c>
      <c r="Q672" s="49"/>
      <c r="R672" s="23">
        <v>45065</v>
      </c>
    </row>
    <row r="673" spans="1:18" ht="14.25" customHeight="1" x14ac:dyDescent="0.2">
      <c r="A673" s="42" t="s">
        <v>8462</v>
      </c>
      <c r="B673" s="10" t="s">
        <v>7536</v>
      </c>
      <c r="C673" s="16">
        <v>1</v>
      </c>
      <c r="D673" s="16">
        <v>511</v>
      </c>
      <c r="E673" s="16">
        <v>1503</v>
      </c>
      <c r="F673" s="35" t="s">
        <v>849</v>
      </c>
      <c r="G673" s="32" t="s">
        <v>6936</v>
      </c>
      <c r="H673" s="35" t="s">
        <v>7544</v>
      </c>
      <c r="I673" s="35" t="s">
        <v>7545</v>
      </c>
      <c r="J673" s="18"/>
      <c r="K673" s="18"/>
      <c r="L673" s="35" t="s">
        <v>2522</v>
      </c>
      <c r="M673" s="17" t="s">
        <v>3602</v>
      </c>
      <c r="N673" s="16" t="s">
        <v>7546</v>
      </c>
      <c r="O673" s="19">
        <v>1873</v>
      </c>
      <c r="P673" s="19">
        <v>1</v>
      </c>
      <c r="Q673" s="49"/>
      <c r="R673" s="23">
        <v>45065</v>
      </c>
    </row>
    <row r="674" spans="1:18" ht="14.25" customHeight="1" x14ac:dyDescent="0.2">
      <c r="A674" s="42" t="s">
        <v>8463</v>
      </c>
      <c r="B674" s="10" t="s">
        <v>7536</v>
      </c>
      <c r="C674" s="16">
        <v>1</v>
      </c>
      <c r="D674" s="16">
        <v>511</v>
      </c>
      <c r="E674" s="16">
        <v>1503</v>
      </c>
      <c r="F674" s="35" t="s">
        <v>850</v>
      </c>
      <c r="G674" s="32" t="s">
        <v>6937</v>
      </c>
      <c r="H674" s="35" t="s">
        <v>7547</v>
      </c>
      <c r="I674" s="35" t="s">
        <v>7548</v>
      </c>
      <c r="J674" s="18"/>
      <c r="K674" s="18"/>
      <c r="L674" s="35" t="s">
        <v>2523</v>
      </c>
      <c r="M674" s="17" t="s">
        <v>3603</v>
      </c>
      <c r="N674" s="16" t="s">
        <v>7549</v>
      </c>
      <c r="O674" s="19">
        <v>1949</v>
      </c>
      <c r="P674" s="19">
        <v>1</v>
      </c>
      <c r="Q674" s="49"/>
      <c r="R674" s="23">
        <v>45065</v>
      </c>
    </row>
    <row r="675" spans="1:18" ht="14.25" customHeight="1" x14ac:dyDescent="0.2">
      <c r="A675" s="42" t="s">
        <v>10037</v>
      </c>
      <c r="B675" s="10" t="s">
        <v>7536</v>
      </c>
      <c r="C675" s="16">
        <v>1</v>
      </c>
      <c r="D675" s="16">
        <v>511</v>
      </c>
      <c r="E675" s="16">
        <v>1503</v>
      </c>
      <c r="F675" s="35" t="s">
        <v>820</v>
      </c>
      <c r="G675" s="32" t="s">
        <v>6911</v>
      </c>
      <c r="H675" s="35" t="s">
        <v>7550</v>
      </c>
      <c r="I675" s="35" t="s">
        <v>4733</v>
      </c>
      <c r="J675" s="18"/>
      <c r="K675" s="18"/>
      <c r="L675" s="35" t="s">
        <v>2498</v>
      </c>
      <c r="M675" s="17" t="s">
        <v>3577</v>
      </c>
      <c r="N675" s="16" t="s">
        <v>7551</v>
      </c>
      <c r="O675" s="19">
        <v>1902</v>
      </c>
      <c r="P675" s="19">
        <v>1</v>
      </c>
      <c r="Q675" s="49"/>
      <c r="R675" s="23">
        <v>45065</v>
      </c>
    </row>
    <row r="676" spans="1:18" ht="14.25" customHeight="1" x14ac:dyDescent="0.2">
      <c r="A676" s="42" t="s">
        <v>8874</v>
      </c>
      <c r="B676" s="10" t="s">
        <v>7536</v>
      </c>
      <c r="C676" s="16">
        <v>1</v>
      </c>
      <c r="D676" s="16">
        <v>511</v>
      </c>
      <c r="E676" s="16">
        <v>1503</v>
      </c>
      <c r="F676" s="35" t="s">
        <v>821</v>
      </c>
      <c r="G676" s="32" t="s">
        <v>6912</v>
      </c>
      <c r="H676" s="35" t="s">
        <v>5832</v>
      </c>
      <c r="I676" s="35" t="s">
        <v>7552</v>
      </c>
      <c r="J676" s="18"/>
      <c r="K676" s="18"/>
      <c r="L676" s="35" t="s">
        <v>2499</v>
      </c>
      <c r="M676" s="17" t="s">
        <v>3578</v>
      </c>
      <c r="N676" s="16" t="s">
        <v>7553</v>
      </c>
      <c r="O676" s="19">
        <v>1902</v>
      </c>
      <c r="P676" s="19">
        <v>1</v>
      </c>
      <c r="Q676" s="49"/>
      <c r="R676" s="23">
        <v>45065</v>
      </c>
    </row>
    <row r="677" spans="1:18" ht="14.25" customHeight="1" x14ac:dyDescent="0.2">
      <c r="A677" s="42" t="s">
        <v>10038</v>
      </c>
      <c r="B677" s="10" t="s">
        <v>7536</v>
      </c>
      <c r="C677" s="16">
        <v>1</v>
      </c>
      <c r="D677" s="16">
        <v>511</v>
      </c>
      <c r="E677" s="16">
        <v>1503</v>
      </c>
      <c r="F677" s="35" t="s">
        <v>851</v>
      </c>
      <c r="G677" s="32" t="s">
        <v>6938</v>
      </c>
      <c r="H677" s="35" t="s">
        <v>7554</v>
      </c>
      <c r="I677" s="35" t="s">
        <v>4751</v>
      </c>
      <c r="J677" s="18"/>
      <c r="K677" s="18"/>
      <c r="L677" s="35" t="s">
        <v>2524</v>
      </c>
      <c r="M677" s="17" t="s">
        <v>3604</v>
      </c>
      <c r="N677" s="16" t="s">
        <v>7555</v>
      </c>
      <c r="O677" s="19">
        <v>1948</v>
      </c>
      <c r="P677" s="19">
        <v>1</v>
      </c>
      <c r="Q677" s="49"/>
      <c r="R677" s="23">
        <v>45065</v>
      </c>
    </row>
    <row r="678" spans="1:18" ht="14.25" customHeight="1" x14ac:dyDescent="0.2">
      <c r="A678" s="42" t="s">
        <v>10039</v>
      </c>
      <c r="B678" s="10" t="s">
        <v>7536</v>
      </c>
      <c r="C678" s="16">
        <v>1</v>
      </c>
      <c r="D678" s="16">
        <v>511</v>
      </c>
      <c r="E678" s="16">
        <v>1503</v>
      </c>
      <c r="F678" s="35" t="s">
        <v>822</v>
      </c>
      <c r="G678" s="32" t="s">
        <v>6913</v>
      </c>
      <c r="H678" s="35" t="s">
        <v>7556</v>
      </c>
      <c r="I678" s="35" t="s">
        <v>7557</v>
      </c>
      <c r="J678" s="18"/>
      <c r="K678" s="18"/>
      <c r="L678" s="35" t="s">
        <v>2500</v>
      </c>
      <c r="M678" s="17" t="s">
        <v>3579</v>
      </c>
      <c r="N678" s="16" t="s">
        <v>7558</v>
      </c>
      <c r="O678" s="19">
        <v>1950</v>
      </c>
      <c r="P678" s="19">
        <v>1</v>
      </c>
      <c r="Q678" s="49"/>
      <c r="R678" s="23">
        <v>45065</v>
      </c>
    </row>
    <row r="679" spans="1:18" ht="14.25" customHeight="1" x14ac:dyDescent="0.2">
      <c r="A679" s="42" t="s">
        <v>10040</v>
      </c>
      <c r="B679" s="10" t="s">
        <v>7536</v>
      </c>
      <c r="C679" s="16">
        <v>1</v>
      </c>
      <c r="D679" s="16">
        <v>511</v>
      </c>
      <c r="E679" s="16">
        <v>1503</v>
      </c>
      <c r="F679" s="35" t="s">
        <v>871</v>
      </c>
      <c r="G679" s="32" t="s">
        <v>6958</v>
      </c>
      <c r="H679" s="35" t="s">
        <v>7559</v>
      </c>
      <c r="I679" s="35" t="s">
        <v>7560</v>
      </c>
      <c r="J679" s="18"/>
      <c r="K679" s="18"/>
      <c r="L679" s="35" t="s">
        <v>2544</v>
      </c>
      <c r="M679" s="17" t="s">
        <v>3624</v>
      </c>
      <c r="N679" s="16" t="s">
        <v>7561</v>
      </c>
      <c r="O679" s="19">
        <v>1913</v>
      </c>
      <c r="P679" s="19">
        <v>1</v>
      </c>
      <c r="Q679" s="49"/>
      <c r="R679" s="23">
        <v>45065</v>
      </c>
    </row>
    <row r="680" spans="1:18" ht="14.25" customHeight="1" x14ac:dyDescent="0.2">
      <c r="A680" s="42" t="s">
        <v>10041</v>
      </c>
      <c r="B680" s="10" t="s">
        <v>7536</v>
      </c>
      <c r="C680" s="16">
        <v>1</v>
      </c>
      <c r="D680" s="16">
        <v>511</v>
      </c>
      <c r="E680" s="16">
        <v>1503</v>
      </c>
      <c r="F680" s="35" t="s">
        <v>852</v>
      </c>
      <c r="G680" s="32" t="s">
        <v>6939</v>
      </c>
      <c r="H680" s="35" t="s">
        <v>7562</v>
      </c>
      <c r="I680" s="35" t="s">
        <v>7563</v>
      </c>
      <c r="J680" s="18"/>
      <c r="K680" s="18"/>
      <c r="L680" s="35" t="s">
        <v>2525</v>
      </c>
      <c r="M680" s="17" t="s">
        <v>3605</v>
      </c>
      <c r="N680" s="16" t="s">
        <v>7564</v>
      </c>
      <c r="O680" s="19">
        <v>1942</v>
      </c>
      <c r="P680" s="19">
        <v>1</v>
      </c>
      <c r="Q680" s="49"/>
      <c r="R680" s="23">
        <v>45065</v>
      </c>
    </row>
    <row r="681" spans="1:18" ht="14.25" customHeight="1" x14ac:dyDescent="0.2">
      <c r="A681" s="42" t="s">
        <v>10042</v>
      </c>
      <c r="B681" s="10" t="s">
        <v>7536</v>
      </c>
      <c r="C681" s="16">
        <v>1</v>
      </c>
      <c r="D681" s="16">
        <v>511</v>
      </c>
      <c r="E681" s="16">
        <v>1503</v>
      </c>
      <c r="F681" s="35" t="s">
        <v>872</v>
      </c>
      <c r="G681" s="32" t="s">
        <v>6959</v>
      </c>
      <c r="H681" s="35" t="s">
        <v>7565</v>
      </c>
      <c r="I681" s="35" t="s">
        <v>7566</v>
      </c>
      <c r="J681" s="18"/>
      <c r="K681" s="18"/>
      <c r="L681" s="35" t="s">
        <v>7567</v>
      </c>
      <c r="M681" s="17" t="s">
        <v>3625</v>
      </c>
      <c r="N681" s="16" t="s">
        <v>7568</v>
      </c>
      <c r="O681" s="19">
        <v>1943</v>
      </c>
      <c r="P681" s="19">
        <v>1</v>
      </c>
      <c r="Q681" s="49"/>
      <c r="R681" s="23">
        <v>45065</v>
      </c>
    </row>
    <row r="682" spans="1:18" s="29" customFormat="1" ht="14.25" customHeight="1" x14ac:dyDescent="0.2">
      <c r="A682" s="42" t="s">
        <v>10043</v>
      </c>
      <c r="B682" s="10" t="s">
        <v>7536</v>
      </c>
      <c r="C682" s="16">
        <v>1</v>
      </c>
      <c r="D682" s="16">
        <v>511</v>
      </c>
      <c r="E682" s="16">
        <v>1503</v>
      </c>
      <c r="F682" s="35" t="s">
        <v>873</v>
      </c>
      <c r="G682" s="32" t="s">
        <v>6960</v>
      </c>
      <c r="H682" s="35" t="s">
        <v>7569</v>
      </c>
      <c r="I682" s="35" t="s">
        <v>7570</v>
      </c>
      <c r="J682" s="18"/>
      <c r="K682" s="18"/>
      <c r="L682" s="35" t="s">
        <v>2545</v>
      </c>
      <c r="M682" s="17" t="s">
        <v>3626</v>
      </c>
      <c r="N682" s="16" t="s">
        <v>7571</v>
      </c>
      <c r="O682" s="19">
        <v>1950</v>
      </c>
      <c r="P682" s="19">
        <v>1</v>
      </c>
      <c r="Q682" s="49"/>
      <c r="R682" s="23">
        <v>45065</v>
      </c>
    </row>
    <row r="683" spans="1:18" s="29" customFormat="1" ht="14.25" customHeight="1" x14ac:dyDescent="0.2">
      <c r="A683" s="42" t="s">
        <v>8875</v>
      </c>
      <c r="B683" s="10" t="s">
        <v>7536</v>
      </c>
      <c r="C683" s="16">
        <v>1</v>
      </c>
      <c r="D683" s="16">
        <v>511</v>
      </c>
      <c r="E683" s="16">
        <v>1503</v>
      </c>
      <c r="F683" s="35" t="s">
        <v>853</v>
      </c>
      <c r="G683" s="32" t="s">
        <v>6940</v>
      </c>
      <c r="H683" s="35" t="s">
        <v>7572</v>
      </c>
      <c r="I683" s="35" t="s">
        <v>7573</v>
      </c>
      <c r="J683" s="18"/>
      <c r="K683" s="18"/>
      <c r="L683" s="35" t="s">
        <v>2526</v>
      </c>
      <c r="M683" s="17" t="s">
        <v>3606</v>
      </c>
      <c r="N683" s="16" t="s">
        <v>7574</v>
      </c>
      <c r="O683" s="19">
        <v>1953</v>
      </c>
      <c r="P683" s="19">
        <v>1</v>
      </c>
      <c r="Q683" s="49"/>
      <c r="R683" s="23">
        <v>45065</v>
      </c>
    </row>
    <row r="684" spans="1:18" s="29" customFormat="1" ht="14.25" customHeight="1" x14ac:dyDescent="0.2">
      <c r="A684" s="42" t="s">
        <v>10044</v>
      </c>
      <c r="B684" s="10" t="s">
        <v>7536</v>
      </c>
      <c r="C684" s="16">
        <v>1</v>
      </c>
      <c r="D684" s="16">
        <v>511</v>
      </c>
      <c r="E684" s="16">
        <v>1503</v>
      </c>
      <c r="F684" s="35" t="s">
        <v>854</v>
      </c>
      <c r="G684" s="32" t="s">
        <v>6941</v>
      </c>
      <c r="H684" s="35" t="s">
        <v>7575</v>
      </c>
      <c r="I684" s="35" t="s">
        <v>7576</v>
      </c>
      <c r="J684" s="18"/>
      <c r="K684" s="18"/>
      <c r="L684" s="35" t="s">
        <v>2527</v>
      </c>
      <c r="M684" s="17" t="s">
        <v>3607</v>
      </c>
      <c r="N684" s="16" t="s">
        <v>7577</v>
      </c>
      <c r="O684" s="19">
        <v>1955</v>
      </c>
      <c r="P684" s="19">
        <v>1</v>
      </c>
      <c r="Q684" s="49"/>
      <c r="R684" s="23">
        <v>45065</v>
      </c>
    </row>
    <row r="685" spans="1:18" s="29" customFormat="1" ht="14.25" customHeight="1" x14ac:dyDescent="0.2">
      <c r="A685" s="42" t="s">
        <v>10045</v>
      </c>
      <c r="B685" s="10" t="s">
        <v>7536</v>
      </c>
      <c r="C685" s="16">
        <v>1</v>
      </c>
      <c r="D685" s="16">
        <v>511</v>
      </c>
      <c r="E685" s="16">
        <v>1503</v>
      </c>
      <c r="F685" s="35" t="s">
        <v>874</v>
      </c>
      <c r="G685" s="32" t="s">
        <v>6961</v>
      </c>
      <c r="H685" s="35" t="s">
        <v>7578</v>
      </c>
      <c r="I685" s="35" t="s">
        <v>7579</v>
      </c>
      <c r="J685" s="18"/>
      <c r="K685" s="18"/>
      <c r="L685" s="35" t="s">
        <v>2546</v>
      </c>
      <c r="M685" s="17" t="s">
        <v>3627</v>
      </c>
      <c r="N685" s="16" t="s">
        <v>7580</v>
      </c>
      <c r="O685" s="19">
        <v>1959</v>
      </c>
      <c r="P685" s="19">
        <v>1</v>
      </c>
      <c r="Q685" s="49"/>
      <c r="R685" s="23">
        <v>45065</v>
      </c>
    </row>
    <row r="686" spans="1:18" s="29" customFormat="1" ht="14.25" customHeight="1" x14ac:dyDescent="0.2">
      <c r="A686" s="42" t="s">
        <v>10046</v>
      </c>
      <c r="B686" s="10" t="s">
        <v>7536</v>
      </c>
      <c r="C686" s="16">
        <v>1</v>
      </c>
      <c r="D686" s="16">
        <v>511</v>
      </c>
      <c r="E686" s="16">
        <v>1503</v>
      </c>
      <c r="F686" s="35" t="s">
        <v>875</v>
      </c>
      <c r="G686" s="32" t="s">
        <v>6962</v>
      </c>
      <c r="H686" s="35" t="s">
        <v>7581</v>
      </c>
      <c r="I686" s="35" t="s">
        <v>7582</v>
      </c>
      <c r="J686" s="18"/>
      <c r="K686" s="18"/>
      <c r="L686" s="35" t="s">
        <v>2547</v>
      </c>
      <c r="M686" s="17" t="s">
        <v>3628</v>
      </c>
      <c r="N686" s="16" t="s">
        <v>7583</v>
      </c>
      <c r="O686" s="19">
        <v>1966</v>
      </c>
      <c r="P686" s="19">
        <v>1</v>
      </c>
      <c r="Q686" s="49"/>
      <c r="R686" s="23">
        <v>45065</v>
      </c>
    </row>
    <row r="687" spans="1:18" s="29" customFormat="1" ht="14.25" customHeight="1" x14ac:dyDescent="0.2">
      <c r="A687" s="42" t="s">
        <v>10047</v>
      </c>
      <c r="B687" s="10" t="s">
        <v>7536</v>
      </c>
      <c r="C687" s="16">
        <v>1</v>
      </c>
      <c r="D687" s="16">
        <v>511</v>
      </c>
      <c r="E687" s="16">
        <v>1503</v>
      </c>
      <c r="F687" s="35" t="s">
        <v>876</v>
      </c>
      <c r="G687" s="32" t="s">
        <v>6963</v>
      </c>
      <c r="H687" s="35" t="s">
        <v>7584</v>
      </c>
      <c r="I687" s="35" t="s">
        <v>7585</v>
      </c>
      <c r="J687" s="18"/>
      <c r="K687" s="18"/>
      <c r="L687" s="35" t="s">
        <v>2548</v>
      </c>
      <c r="M687" s="17" t="s">
        <v>3629</v>
      </c>
      <c r="N687" s="16" t="s">
        <v>7586</v>
      </c>
      <c r="O687" s="19">
        <v>1968</v>
      </c>
      <c r="P687" s="19">
        <v>1</v>
      </c>
      <c r="Q687" s="49"/>
      <c r="R687" s="23">
        <v>45065</v>
      </c>
    </row>
    <row r="688" spans="1:18" s="29" customFormat="1" ht="14.25" customHeight="1" x14ac:dyDescent="0.2">
      <c r="A688" s="42" t="s">
        <v>10048</v>
      </c>
      <c r="B688" s="10" t="s">
        <v>7536</v>
      </c>
      <c r="C688" s="16">
        <v>1</v>
      </c>
      <c r="D688" s="16">
        <v>511</v>
      </c>
      <c r="E688" s="16">
        <v>1503</v>
      </c>
      <c r="F688" s="35" t="s">
        <v>855</v>
      </c>
      <c r="G688" s="32" t="s">
        <v>6942</v>
      </c>
      <c r="H688" s="35" t="s">
        <v>7587</v>
      </c>
      <c r="I688" s="35" t="s">
        <v>7588</v>
      </c>
      <c r="J688" s="18"/>
      <c r="K688" s="18"/>
      <c r="L688" s="35" t="s">
        <v>2528</v>
      </c>
      <c r="M688" s="17" t="s">
        <v>3608</v>
      </c>
      <c r="N688" s="16" t="s">
        <v>7589</v>
      </c>
      <c r="O688" s="19">
        <v>1969</v>
      </c>
      <c r="P688" s="19">
        <v>1</v>
      </c>
      <c r="Q688" s="49"/>
      <c r="R688" s="23">
        <v>45065</v>
      </c>
    </row>
    <row r="689" spans="1:18" s="29" customFormat="1" ht="14.25" customHeight="1" x14ac:dyDescent="0.2">
      <c r="A689" s="42" t="s">
        <v>10049</v>
      </c>
      <c r="B689" s="10" t="s">
        <v>7536</v>
      </c>
      <c r="C689" s="16">
        <v>1</v>
      </c>
      <c r="D689" s="16">
        <v>511</v>
      </c>
      <c r="E689" s="16">
        <v>1503</v>
      </c>
      <c r="F689" s="35" t="s">
        <v>877</v>
      </c>
      <c r="G689" s="32" t="s">
        <v>6964</v>
      </c>
      <c r="H689" s="35" t="s">
        <v>7590</v>
      </c>
      <c r="I689" s="35" t="s">
        <v>7591</v>
      </c>
      <c r="J689" s="18"/>
      <c r="K689" s="18"/>
      <c r="L689" s="35" t="s">
        <v>2549</v>
      </c>
      <c r="M689" s="17" t="s">
        <v>3630</v>
      </c>
      <c r="N689" s="16" t="s">
        <v>7592</v>
      </c>
      <c r="O689" s="19">
        <v>1969</v>
      </c>
      <c r="P689" s="19">
        <v>1</v>
      </c>
      <c r="Q689" s="49"/>
      <c r="R689" s="23">
        <v>45065</v>
      </c>
    </row>
    <row r="690" spans="1:18" s="29" customFormat="1" ht="14.25" customHeight="1" x14ac:dyDescent="0.2">
      <c r="A690" s="42" t="s">
        <v>10050</v>
      </c>
      <c r="B690" s="10" t="s">
        <v>7536</v>
      </c>
      <c r="C690" s="16">
        <v>1</v>
      </c>
      <c r="D690" s="16">
        <v>511</v>
      </c>
      <c r="E690" s="16">
        <v>1503</v>
      </c>
      <c r="F690" s="35" t="s">
        <v>856</v>
      </c>
      <c r="G690" s="32" t="s">
        <v>6943</v>
      </c>
      <c r="H690" s="35" t="s">
        <v>7593</v>
      </c>
      <c r="I690" s="35" t="s">
        <v>7594</v>
      </c>
      <c r="J690" s="18"/>
      <c r="K690" s="18"/>
      <c r="L690" s="35" t="s">
        <v>2529</v>
      </c>
      <c r="M690" s="17" t="s">
        <v>3609</v>
      </c>
      <c r="N690" s="16" t="s">
        <v>7595</v>
      </c>
      <c r="O690" s="19">
        <v>1969</v>
      </c>
      <c r="P690" s="19">
        <v>1</v>
      </c>
      <c r="Q690" s="49"/>
      <c r="R690" s="23">
        <v>45065</v>
      </c>
    </row>
    <row r="691" spans="1:18" s="29" customFormat="1" ht="14.25" customHeight="1" x14ac:dyDescent="0.2">
      <c r="A691" s="42" t="s">
        <v>10051</v>
      </c>
      <c r="B691" s="10" t="s">
        <v>7536</v>
      </c>
      <c r="C691" s="16">
        <v>1</v>
      </c>
      <c r="D691" s="16">
        <v>511</v>
      </c>
      <c r="E691" s="16">
        <v>1503</v>
      </c>
      <c r="F691" s="35" t="s">
        <v>878</v>
      </c>
      <c r="G691" s="32" t="s">
        <v>6965</v>
      </c>
      <c r="H691" s="35" t="s">
        <v>7596</v>
      </c>
      <c r="I691" s="35" t="s">
        <v>7597</v>
      </c>
      <c r="J691" s="18"/>
      <c r="K691" s="18"/>
      <c r="L691" s="35" t="s">
        <v>2550</v>
      </c>
      <c r="M691" s="17" t="s">
        <v>3631</v>
      </c>
      <c r="N691" s="16" t="s">
        <v>7598</v>
      </c>
      <c r="O691" s="19">
        <v>1970</v>
      </c>
      <c r="P691" s="19">
        <v>1</v>
      </c>
      <c r="Q691" s="49"/>
      <c r="R691" s="23">
        <v>45065</v>
      </c>
    </row>
    <row r="692" spans="1:18" s="29" customFormat="1" ht="14.25" customHeight="1" x14ac:dyDescent="0.2">
      <c r="A692" s="42" t="s">
        <v>8876</v>
      </c>
      <c r="B692" s="10" t="s">
        <v>7536</v>
      </c>
      <c r="C692" s="16">
        <v>1</v>
      </c>
      <c r="D692" s="16">
        <v>511</v>
      </c>
      <c r="E692" s="16">
        <v>1503</v>
      </c>
      <c r="F692" s="35" t="s">
        <v>879</v>
      </c>
      <c r="G692" s="32" t="s">
        <v>6966</v>
      </c>
      <c r="H692" s="35" t="s">
        <v>7565</v>
      </c>
      <c r="I692" s="35" t="s">
        <v>7599</v>
      </c>
      <c r="J692" s="18"/>
      <c r="K692" s="18"/>
      <c r="L692" s="35" t="s">
        <v>2551</v>
      </c>
      <c r="M692" s="17" t="s">
        <v>3632</v>
      </c>
      <c r="N692" s="16" t="s">
        <v>7600</v>
      </c>
      <c r="O692" s="19">
        <v>1971</v>
      </c>
      <c r="P692" s="19">
        <v>1</v>
      </c>
      <c r="Q692" s="49"/>
      <c r="R692" s="23">
        <v>45065</v>
      </c>
    </row>
    <row r="693" spans="1:18" s="29" customFormat="1" ht="14.25" customHeight="1" x14ac:dyDescent="0.2">
      <c r="A693" s="42" t="s">
        <v>10052</v>
      </c>
      <c r="B693" s="10" t="s">
        <v>7536</v>
      </c>
      <c r="C693" s="16">
        <v>1</v>
      </c>
      <c r="D693" s="16">
        <v>511</v>
      </c>
      <c r="E693" s="16">
        <v>1503</v>
      </c>
      <c r="F693" s="35" t="s">
        <v>857</v>
      </c>
      <c r="G693" s="32" t="s">
        <v>6944</v>
      </c>
      <c r="H693" s="35" t="s">
        <v>7601</v>
      </c>
      <c r="I693" s="35" t="s">
        <v>7602</v>
      </c>
      <c r="J693" s="18"/>
      <c r="K693" s="18"/>
      <c r="L693" s="35" t="s">
        <v>2530</v>
      </c>
      <c r="M693" s="17" t="s">
        <v>3610</v>
      </c>
      <c r="N693" s="16" t="s">
        <v>7603</v>
      </c>
      <c r="O693" s="19">
        <v>1972</v>
      </c>
      <c r="P693" s="19">
        <v>1</v>
      </c>
      <c r="Q693" s="49"/>
      <c r="R693" s="23">
        <v>45065</v>
      </c>
    </row>
    <row r="694" spans="1:18" s="29" customFormat="1" ht="14.25" customHeight="1" x14ac:dyDescent="0.2">
      <c r="A694" s="42" t="s">
        <v>10053</v>
      </c>
      <c r="B694" s="10" t="s">
        <v>7536</v>
      </c>
      <c r="C694" s="16">
        <v>1</v>
      </c>
      <c r="D694" s="16">
        <v>511</v>
      </c>
      <c r="E694" s="16">
        <v>1503</v>
      </c>
      <c r="F694" s="35" t="s">
        <v>880</v>
      </c>
      <c r="G694" s="32" t="s">
        <v>6967</v>
      </c>
      <c r="H694" s="35" t="s">
        <v>7604</v>
      </c>
      <c r="I694" s="35" t="s">
        <v>4757</v>
      </c>
      <c r="J694" s="18"/>
      <c r="K694" s="18"/>
      <c r="L694" s="35" t="s">
        <v>2552</v>
      </c>
      <c r="M694" s="17" t="s">
        <v>3633</v>
      </c>
      <c r="N694" s="16" t="s">
        <v>7605</v>
      </c>
      <c r="O694" s="19">
        <v>1972</v>
      </c>
      <c r="P694" s="19">
        <v>1</v>
      </c>
      <c r="Q694" s="49"/>
      <c r="R694" s="23">
        <v>45065</v>
      </c>
    </row>
    <row r="695" spans="1:18" s="29" customFormat="1" ht="14.25" customHeight="1" x14ac:dyDescent="0.2">
      <c r="A695" s="42" t="s">
        <v>8464</v>
      </c>
      <c r="B695" s="10" t="s">
        <v>7536</v>
      </c>
      <c r="C695" s="16">
        <v>1</v>
      </c>
      <c r="D695" s="16">
        <v>511</v>
      </c>
      <c r="E695" s="16">
        <v>1503</v>
      </c>
      <c r="F695" s="35" t="s">
        <v>881</v>
      </c>
      <c r="G695" s="32" t="s">
        <v>6968</v>
      </c>
      <c r="H695" s="35" t="s">
        <v>7606</v>
      </c>
      <c r="I695" s="35" t="s">
        <v>7607</v>
      </c>
      <c r="J695" s="18"/>
      <c r="K695" s="18"/>
      <c r="L695" s="35" t="s">
        <v>2553</v>
      </c>
      <c r="M695" s="17" t="s">
        <v>3634</v>
      </c>
      <c r="N695" s="16" t="s">
        <v>7608</v>
      </c>
      <c r="O695" s="19">
        <v>1973</v>
      </c>
      <c r="P695" s="19">
        <v>1</v>
      </c>
      <c r="Q695" s="49"/>
      <c r="R695" s="23">
        <v>45065</v>
      </c>
    </row>
    <row r="696" spans="1:18" s="29" customFormat="1" ht="14.25" customHeight="1" x14ac:dyDescent="0.2">
      <c r="A696" s="42" t="s">
        <v>10054</v>
      </c>
      <c r="B696" s="10" t="s">
        <v>7536</v>
      </c>
      <c r="C696" s="16">
        <v>1</v>
      </c>
      <c r="D696" s="16">
        <v>511</v>
      </c>
      <c r="E696" s="16">
        <v>1503</v>
      </c>
      <c r="F696" s="35" t="s">
        <v>882</v>
      </c>
      <c r="G696" s="32" t="s">
        <v>6969</v>
      </c>
      <c r="H696" s="35" t="s">
        <v>7609</v>
      </c>
      <c r="I696" s="35" t="s">
        <v>7610</v>
      </c>
      <c r="J696" s="18"/>
      <c r="K696" s="18"/>
      <c r="L696" s="35" t="s">
        <v>2554</v>
      </c>
      <c r="M696" s="17" t="s">
        <v>3635</v>
      </c>
      <c r="N696" s="16" t="s">
        <v>7611</v>
      </c>
      <c r="O696" s="19">
        <v>1973</v>
      </c>
      <c r="P696" s="19">
        <v>1</v>
      </c>
      <c r="Q696" s="49"/>
      <c r="R696" s="23">
        <v>45065</v>
      </c>
    </row>
    <row r="697" spans="1:18" s="29" customFormat="1" ht="14.25" customHeight="1" x14ac:dyDescent="0.2">
      <c r="A697" s="42" t="s">
        <v>10055</v>
      </c>
      <c r="B697" s="10" t="s">
        <v>7536</v>
      </c>
      <c r="C697" s="16">
        <v>1</v>
      </c>
      <c r="D697" s="16">
        <v>511</v>
      </c>
      <c r="E697" s="16">
        <v>1503</v>
      </c>
      <c r="F697" s="35" t="s">
        <v>823</v>
      </c>
      <c r="G697" s="32" t="s">
        <v>6914</v>
      </c>
      <c r="H697" s="35" t="s">
        <v>5832</v>
      </c>
      <c r="I697" s="35" t="s">
        <v>7612</v>
      </c>
      <c r="J697" s="18"/>
      <c r="K697" s="18"/>
      <c r="L697" s="35" t="s">
        <v>2501</v>
      </c>
      <c r="M697" s="17" t="s">
        <v>3580</v>
      </c>
      <c r="N697" s="16" t="s">
        <v>7613</v>
      </c>
      <c r="O697" s="19">
        <v>1974</v>
      </c>
      <c r="P697" s="19">
        <v>1</v>
      </c>
      <c r="Q697" s="49"/>
      <c r="R697" s="23">
        <v>45065</v>
      </c>
    </row>
    <row r="698" spans="1:18" s="29" customFormat="1" ht="14.25" customHeight="1" x14ac:dyDescent="0.2">
      <c r="A698" s="42" t="s">
        <v>8877</v>
      </c>
      <c r="B698" s="10" t="s">
        <v>7536</v>
      </c>
      <c r="C698" s="16">
        <v>1</v>
      </c>
      <c r="D698" s="16">
        <v>511</v>
      </c>
      <c r="E698" s="16">
        <v>1503</v>
      </c>
      <c r="F698" s="35" t="s">
        <v>883</v>
      </c>
      <c r="G698" s="32" t="s">
        <v>6970</v>
      </c>
      <c r="H698" s="35" t="s">
        <v>7614</v>
      </c>
      <c r="I698" s="35" t="s">
        <v>7615</v>
      </c>
      <c r="J698" s="18"/>
      <c r="K698" s="18"/>
      <c r="L698" s="35" t="s">
        <v>2555</v>
      </c>
      <c r="M698" s="17" t="s">
        <v>3636</v>
      </c>
      <c r="N698" s="16" t="s">
        <v>7616</v>
      </c>
      <c r="O698" s="19">
        <v>1974</v>
      </c>
      <c r="P698" s="19">
        <v>1</v>
      </c>
      <c r="Q698" s="49"/>
      <c r="R698" s="23">
        <v>45065</v>
      </c>
    </row>
    <row r="699" spans="1:18" s="29" customFormat="1" ht="14.25" customHeight="1" x14ac:dyDescent="0.2">
      <c r="A699" s="42" t="s">
        <v>10056</v>
      </c>
      <c r="B699" s="10" t="s">
        <v>7536</v>
      </c>
      <c r="C699" s="16">
        <v>1</v>
      </c>
      <c r="D699" s="16">
        <v>511</v>
      </c>
      <c r="E699" s="16">
        <v>1503</v>
      </c>
      <c r="F699" s="35" t="s">
        <v>858</v>
      </c>
      <c r="G699" s="32" t="s">
        <v>6945</v>
      </c>
      <c r="H699" s="35" t="s">
        <v>7617</v>
      </c>
      <c r="I699" s="35" t="s">
        <v>7618</v>
      </c>
      <c r="J699" s="18"/>
      <c r="K699" s="18"/>
      <c r="L699" s="35" t="s">
        <v>2531</v>
      </c>
      <c r="M699" s="17" t="s">
        <v>3611</v>
      </c>
      <c r="N699" s="16" t="s">
        <v>7619</v>
      </c>
      <c r="O699" s="19">
        <v>1974</v>
      </c>
      <c r="P699" s="19">
        <v>1</v>
      </c>
      <c r="Q699" s="49"/>
      <c r="R699" s="23">
        <v>45065</v>
      </c>
    </row>
    <row r="700" spans="1:18" s="29" customFormat="1" ht="14.25" customHeight="1" x14ac:dyDescent="0.2">
      <c r="A700" s="42" t="s">
        <v>10057</v>
      </c>
      <c r="B700" s="10" t="s">
        <v>7536</v>
      </c>
      <c r="C700" s="16">
        <v>1</v>
      </c>
      <c r="D700" s="16">
        <v>511</v>
      </c>
      <c r="E700" s="16">
        <v>1503</v>
      </c>
      <c r="F700" s="35" t="s">
        <v>824</v>
      </c>
      <c r="G700" s="32" t="s">
        <v>6915</v>
      </c>
      <c r="H700" s="35" t="s">
        <v>7620</v>
      </c>
      <c r="I700" s="35" t="s">
        <v>4734</v>
      </c>
      <c r="J700" s="18"/>
      <c r="K700" s="18"/>
      <c r="L700" s="35" t="s">
        <v>2502</v>
      </c>
      <c r="M700" s="17" t="s">
        <v>3581</v>
      </c>
      <c r="N700" s="16" t="s">
        <v>7621</v>
      </c>
      <c r="O700" s="19">
        <v>1975</v>
      </c>
      <c r="P700" s="19">
        <v>1</v>
      </c>
      <c r="Q700" s="49"/>
      <c r="R700" s="23">
        <v>45065</v>
      </c>
    </row>
    <row r="701" spans="1:18" s="29" customFormat="1" ht="14.25" customHeight="1" x14ac:dyDescent="0.2">
      <c r="A701" s="42" t="s">
        <v>10058</v>
      </c>
      <c r="B701" s="10" t="s">
        <v>7536</v>
      </c>
      <c r="C701" s="16">
        <v>1</v>
      </c>
      <c r="D701" s="16">
        <v>511</v>
      </c>
      <c r="E701" s="16">
        <v>1503</v>
      </c>
      <c r="F701" s="35" t="s">
        <v>859</v>
      </c>
      <c r="G701" s="32" t="s">
        <v>6946</v>
      </c>
      <c r="H701" s="35" t="s">
        <v>7562</v>
      </c>
      <c r="I701" s="35" t="s">
        <v>7622</v>
      </c>
      <c r="J701" s="18"/>
      <c r="K701" s="18"/>
      <c r="L701" s="35" t="s">
        <v>2532</v>
      </c>
      <c r="M701" s="17" t="s">
        <v>3612</v>
      </c>
      <c r="N701" s="16" t="s">
        <v>7623</v>
      </c>
      <c r="O701" s="19">
        <v>1975</v>
      </c>
      <c r="P701" s="19">
        <v>1</v>
      </c>
      <c r="Q701" s="49"/>
      <c r="R701" s="23">
        <v>45065</v>
      </c>
    </row>
    <row r="702" spans="1:18" s="29" customFormat="1" ht="14.25" customHeight="1" x14ac:dyDescent="0.2">
      <c r="A702" s="42" t="s">
        <v>10059</v>
      </c>
      <c r="B702" s="10" t="s">
        <v>7536</v>
      </c>
      <c r="C702" s="16">
        <v>1</v>
      </c>
      <c r="D702" s="16">
        <v>511</v>
      </c>
      <c r="E702" s="16">
        <v>1503</v>
      </c>
      <c r="F702" s="35" t="s">
        <v>884</v>
      </c>
      <c r="G702" s="32" t="s">
        <v>6971</v>
      </c>
      <c r="H702" s="35" t="s">
        <v>7606</v>
      </c>
      <c r="I702" s="35" t="s">
        <v>7624</v>
      </c>
      <c r="J702" s="18"/>
      <c r="K702" s="18"/>
      <c r="L702" s="35" t="s">
        <v>2556</v>
      </c>
      <c r="M702" s="17" t="s">
        <v>3637</v>
      </c>
      <c r="N702" s="16" t="s">
        <v>7625</v>
      </c>
      <c r="O702" s="19">
        <v>1975</v>
      </c>
      <c r="P702" s="19">
        <v>1</v>
      </c>
      <c r="Q702" s="49"/>
      <c r="R702" s="23">
        <v>45065</v>
      </c>
    </row>
    <row r="703" spans="1:18" s="29" customFormat="1" ht="14.25" customHeight="1" x14ac:dyDescent="0.2">
      <c r="A703" s="42" t="s">
        <v>8878</v>
      </c>
      <c r="B703" s="10" t="s">
        <v>7536</v>
      </c>
      <c r="C703" s="16">
        <v>1</v>
      </c>
      <c r="D703" s="16">
        <v>511</v>
      </c>
      <c r="E703" s="16">
        <v>1503</v>
      </c>
      <c r="F703" s="35" t="s">
        <v>885</v>
      </c>
      <c r="G703" s="32" t="s">
        <v>6972</v>
      </c>
      <c r="H703" s="35" t="s">
        <v>7565</v>
      </c>
      <c r="I703" s="35" t="s">
        <v>7626</v>
      </c>
      <c r="J703" s="18"/>
      <c r="K703" s="18"/>
      <c r="L703" s="35" t="s">
        <v>2557</v>
      </c>
      <c r="M703" s="17" t="s">
        <v>3638</v>
      </c>
      <c r="N703" s="16" t="s">
        <v>7627</v>
      </c>
      <c r="O703" s="19">
        <v>1976</v>
      </c>
      <c r="P703" s="19">
        <v>1</v>
      </c>
      <c r="Q703" s="49"/>
      <c r="R703" s="23">
        <v>45065</v>
      </c>
    </row>
    <row r="704" spans="1:18" s="29" customFormat="1" ht="14.25" customHeight="1" x14ac:dyDescent="0.2">
      <c r="A704" s="42" t="s">
        <v>8879</v>
      </c>
      <c r="B704" s="10" t="s">
        <v>7536</v>
      </c>
      <c r="C704" s="16">
        <v>1</v>
      </c>
      <c r="D704" s="16">
        <v>511</v>
      </c>
      <c r="E704" s="16">
        <v>1503</v>
      </c>
      <c r="F704" s="35" t="s">
        <v>886</v>
      </c>
      <c r="G704" s="32" t="s">
        <v>6973</v>
      </c>
      <c r="H704" s="35" t="s">
        <v>7628</v>
      </c>
      <c r="I704" s="35" t="s">
        <v>7629</v>
      </c>
      <c r="J704" s="18"/>
      <c r="K704" s="18"/>
      <c r="L704" s="35" t="s">
        <v>2558</v>
      </c>
      <c r="M704" s="17" t="s">
        <v>3639</v>
      </c>
      <c r="N704" s="16" t="s">
        <v>7630</v>
      </c>
      <c r="O704" s="19">
        <v>1976</v>
      </c>
      <c r="P704" s="19">
        <v>1</v>
      </c>
      <c r="Q704" s="49"/>
      <c r="R704" s="23">
        <v>45065</v>
      </c>
    </row>
    <row r="705" spans="1:18" s="33" customFormat="1" ht="14.25" customHeight="1" x14ac:dyDescent="0.2">
      <c r="A705" s="42" t="s">
        <v>10060</v>
      </c>
      <c r="B705" s="10" t="s">
        <v>7536</v>
      </c>
      <c r="C705" s="16">
        <v>1</v>
      </c>
      <c r="D705" s="16">
        <v>511</v>
      </c>
      <c r="E705" s="16">
        <v>1503</v>
      </c>
      <c r="F705" s="35" t="s">
        <v>860</v>
      </c>
      <c r="G705" s="32" t="s">
        <v>6947</v>
      </c>
      <c r="H705" s="35" t="s">
        <v>7631</v>
      </c>
      <c r="I705" s="35" t="s">
        <v>7632</v>
      </c>
      <c r="J705" s="18"/>
      <c r="K705" s="18"/>
      <c r="L705" s="35" t="s">
        <v>2533</v>
      </c>
      <c r="M705" s="17" t="s">
        <v>3613</v>
      </c>
      <c r="N705" s="16" t="s">
        <v>7633</v>
      </c>
      <c r="O705" s="19">
        <v>1976</v>
      </c>
      <c r="P705" s="19">
        <v>1</v>
      </c>
      <c r="Q705" s="49"/>
      <c r="R705" s="23">
        <v>45065</v>
      </c>
    </row>
    <row r="706" spans="1:18" ht="14.25" customHeight="1" x14ac:dyDescent="0.2">
      <c r="A706" s="42" t="s">
        <v>10061</v>
      </c>
      <c r="B706" s="10" t="s">
        <v>7536</v>
      </c>
      <c r="C706" s="16">
        <v>1</v>
      </c>
      <c r="D706" s="16">
        <v>511</v>
      </c>
      <c r="E706" s="16">
        <v>1503</v>
      </c>
      <c r="F706" s="35" t="s">
        <v>887</v>
      </c>
      <c r="G706" s="32" t="s">
        <v>6974</v>
      </c>
      <c r="H706" s="35" t="s">
        <v>7609</v>
      </c>
      <c r="I706" s="35" t="s">
        <v>4758</v>
      </c>
      <c r="J706" s="18"/>
      <c r="K706" s="18"/>
      <c r="L706" s="35" t="s">
        <v>2559</v>
      </c>
      <c r="M706" s="17" t="s">
        <v>3640</v>
      </c>
      <c r="N706" s="16" t="s">
        <v>7634</v>
      </c>
      <c r="O706" s="19">
        <v>1976</v>
      </c>
      <c r="P706" s="19">
        <v>1</v>
      </c>
      <c r="Q706" s="49"/>
      <c r="R706" s="23">
        <v>45065</v>
      </c>
    </row>
    <row r="707" spans="1:18" ht="14.25" customHeight="1" x14ac:dyDescent="0.2">
      <c r="A707" s="42" t="s">
        <v>10062</v>
      </c>
      <c r="B707" s="10" t="s">
        <v>7536</v>
      </c>
      <c r="C707" s="16">
        <v>1</v>
      </c>
      <c r="D707" s="16">
        <v>511</v>
      </c>
      <c r="E707" s="16">
        <v>1503</v>
      </c>
      <c r="F707" s="35" t="s">
        <v>861</v>
      </c>
      <c r="G707" s="32" t="s">
        <v>6948</v>
      </c>
      <c r="H707" s="35" t="s">
        <v>7544</v>
      </c>
      <c r="I707" s="35" t="s">
        <v>4752</v>
      </c>
      <c r="J707" s="18"/>
      <c r="K707" s="18"/>
      <c r="L707" s="35" t="s">
        <v>2534</v>
      </c>
      <c r="M707" s="17" t="s">
        <v>3614</v>
      </c>
      <c r="N707" s="16" t="s">
        <v>7635</v>
      </c>
      <c r="O707" s="19">
        <v>1977</v>
      </c>
      <c r="P707" s="19">
        <v>1</v>
      </c>
      <c r="Q707" s="49"/>
      <c r="R707" s="23">
        <v>45065</v>
      </c>
    </row>
    <row r="708" spans="1:18" ht="14.25" customHeight="1" x14ac:dyDescent="0.2">
      <c r="A708" s="42" t="s">
        <v>8880</v>
      </c>
      <c r="B708" s="10" t="s">
        <v>7536</v>
      </c>
      <c r="C708" s="16">
        <v>1</v>
      </c>
      <c r="D708" s="16">
        <v>511</v>
      </c>
      <c r="E708" s="16">
        <v>1503</v>
      </c>
      <c r="F708" s="35" t="s">
        <v>825</v>
      </c>
      <c r="G708" s="32" t="s">
        <v>6916</v>
      </c>
      <c r="H708" s="35" t="s">
        <v>7550</v>
      </c>
      <c r="I708" s="35" t="s">
        <v>4735</v>
      </c>
      <c r="J708" s="18"/>
      <c r="K708" s="18"/>
      <c r="L708" s="35" t="s">
        <v>2503</v>
      </c>
      <c r="M708" s="17" t="s">
        <v>3582</v>
      </c>
      <c r="N708" s="16" t="s">
        <v>7636</v>
      </c>
      <c r="O708" s="19">
        <v>1977</v>
      </c>
      <c r="P708" s="19">
        <v>1</v>
      </c>
      <c r="Q708" s="49"/>
      <c r="R708" s="23">
        <v>45065</v>
      </c>
    </row>
    <row r="709" spans="1:18" ht="14.25" customHeight="1" x14ac:dyDescent="0.2">
      <c r="A709" s="42" t="s">
        <v>10063</v>
      </c>
      <c r="B709" s="10" t="s">
        <v>7536</v>
      </c>
      <c r="C709" s="16">
        <v>1</v>
      </c>
      <c r="D709" s="16">
        <v>511</v>
      </c>
      <c r="E709" s="16">
        <v>1503</v>
      </c>
      <c r="F709" s="35" t="s">
        <v>826</v>
      </c>
      <c r="G709" s="32" t="s">
        <v>6917</v>
      </c>
      <c r="H709" s="35" t="s">
        <v>7637</v>
      </c>
      <c r="I709" s="35" t="s">
        <v>7638</v>
      </c>
      <c r="J709" s="18"/>
      <c r="K709" s="18"/>
      <c r="L709" s="35" t="s">
        <v>2504</v>
      </c>
      <c r="M709" s="17" t="s">
        <v>3583</v>
      </c>
      <c r="N709" s="16" t="s">
        <v>7639</v>
      </c>
      <c r="O709" s="19">
        <v>1977</v>
      </c>
      <c r="P709" s="19">
        <v>1</v>
      </c>
      <c r="Q709" s="49"/>
      <c r="R709" s="23">
        <v>45065</v>
      </c>
    </row>
    <row r="710" spans="1:18" ht="14.25" customHeight="1" x14ac:dyDescent="0.2">
      <c r="A710" s="42" t="s">
        <v>8881</v>
      </c>
      <c r="B710" s="10" t="s">
        <v>7536</v>
      </c>
      <c r="C710" s="16">
        <v>1</v>
      </c>
      <c r="D710" s="16">
        <v>511</v>
      </c>
      <c r="E710" s="16">
        <v>1503</v>
      </c>
      <c r="F710" s="35" t="s">
        <v>862</v>
      </c>
      <c r="G710" s="32" t="s">
        <v>6949</v>
      </c>
      <c r="H710" s="35" t="s">
        <v>7541</v>
      </c>
      <c r="I710" s="35" t="s">
        <v>4753</v>
      </c>
      <c r="J710" s="18"/>
      <c r="K710" s="18"/>
      <c r="L710" s="35" t="s">
        <v>2535</v>
      </c>
      <c r="M710" s="17" t="s">
        <v>3615</v>
      </c>
      <c r="N710" s="16" t="s">
        <v>7640</v>
      </c>
      <c r="O710" s="19">
        <v>1978</v>
      </c>
      <c r="P710" s="19">
        <v>1</v>
      </c>
      <c r="Q710" s="49"/>
      <c r="R710" s="23">
        <v>45065</v>
      </c>
    </row>
    <row r="711" spans="1:18" ht="14.25" customHeight="1" x14ac:dyDescent="0.2">
      <c r="A711" s="42" t="s">
        <v>8882</v>
      </c>
      <c r="B711" s="10" t="s">
        <v>7536</v>
      </c>
      <c r="C711" s="16">
        <v>1</v>
      </c>
      <c r="D711" s="16">
        <v>511</v>
      </c>
      <c r="E711" s="16">
        <v>1503</v>
      </c>
      <c r="F711" s="35" t="s">
        <v>863</v>
      </c>
      <c r="G711" s="32" t="s">
        <v>6950</v>
      </c>
      <c r="H711" s="35" t="s">
        <v>7641</v>
      </c>
      <c r="I711" s="35" t="s">
        <v>7642</v>
      </c>
      <c r="J711" s="18"/>
      <c r="K711" s="18"/>
      <c r="L711" s="35" t="s">
        <v>2536</v>
      </c>
      <c r="M711" s="17" t="s">
        <v>3616</v>
      </c>
      <c r="N711" s="16" t="s">
        <v>7643</v>
      </c>
      <c r="O711" s="19">
        <v>1978</v>
      </c>
      <c r="P711" s="19">
        <v>1</v>
      </c>
      <c r="Q711" s="49"/>
      <c r="R711" s="23">
        <v>45065</v>
      </c>
    </row>
    <row r="712" spans="1:18" ht="14.25" customHeight="1" x14ac:dyDescent="0.2">
      <c r="A712" s="42" t="s">
        <v>8883</v>
      </c>
      <c r="B712" s="10" t="s">
        <v>7536</v>
      </c>
      <c r="C712" s="16">
        <v>1</v>
      </c>
      <c r="D712" s="16">
        <v>511</v>
      </c>
      <c r="E712" s="16">
        <v>1503</v>
      </c>
      <c r="F712" s="35" t="s">
        <v>864</v>
      </c>
      <c r="G712" s="32" t="s">
        <v>6951</v>
      </c>
      <c r="H712" s="35" t="s">
        <v>7617</v>
      </c>
      <c r="I712" s="35" t="s">
        <v>7644</v>
      </c>
      <c r="J712" s="18"/>
      <c r="K712" s="18"/>
      <c r="L712" s="35" t="s">
        <v>2537</v>
      </c>
      <c r="M712" s="17" t="s">
        <v>3617</v>
      </c>
      <c r="N712" s="16" t="s">
        <v>7645</v>
      </c>
      <c r="O712" s="19">
        <v>1978</v>
      </c>
      <c r="P712" s="19">
        <v>1</v>
      </c>
      <c r="Q712" s="49"/>
      <c r="R712" s="23">
        <v>45065</v>
      </c>
    </row>
    <row r="713" spans="1:18" ht="14.25" customHeight="1" x14ac:dyDescent="0.2">
      <c r="A713" s="42" t="s">
        <v>10064</v>
      </c>
      <c r="B713" s="10" t="s">
        <v>7536</v>
      </c>
      <c r="C713" s="16">
        <v>1</v>
      </c>
      <c r="D713" s="16">
        <v>511</v>
      </c>
      <c r="E713" s="16">
        <v>1503</v>
      </c>
      <c r="F713" s="35" t="s">
        <v>888</v>
      </c>
      <c r="G713" s="32" t="s">
        <v>6975</v>
      </c>
      <c r="H713" s="35" t="s">
        <v>7614</v>
      </c>
      <c r="I713" s="35" t="s">
        <v>7646</v>
      </c>
      <c r="J713" s="18"/>
      <c r="K713" s="18"/>
      <c r="L713" s="35" t="s">
        <v>2560</v>
      </c>
      <c r="M713" s="17" t="s">
        <v>3641</v>
      </c>
      <c r="N713" s="16" t="s">
        <v>7647</v>
      </c>
      <c r="O713" s="19">
        <v>1978</v>
      </c>
      <c r="P713" s="19">
        <v>1</v>
      </c>
      <c r="Q713" s="49"/>
      <c r="R713" s="23">
        <v>45065</v>
      </c>
    </row>
    <row r="714" spans="1:18" ht="14.25" customHeight="1" x14ac:dyDescent="0.2">
      <c r="A714" s="42" t="s">
        <v>8884</v>
      </c>
      <c r="B714" s="10" t="s">
        <v>7536</v>
      </c>
      <c r="C714" s="16">
        <v>1</v>
      </c>
      <c r="D714" s="16">
        <v>511</v>
      </c>
      <c r="E714" s="16">
        <v>1503</v>
      </c>
      <c r="F714" s="35" t="s">
        <v>827</v>
      </c>
      <c r="G714" s="32" t="s">
        <v>6918</v>
      </c>
      <c r="H714" s="35" t="s">
        <v>5832</v>
      </c>
      <c r="I714" s="35" t="s">
        <v>7648</v>
      </c>
      <c r="J714" s="18"/>
      <c r="K714" s="18"/>
      <c r="L714" s="35" t="s">
        <v>2505</v>
      </c>
      <c r="M714" s="17" t="s">
        <v>3584</v>
      </c>
      <c r="N714" s="16" t="s">
        <v>7649</v>
      </c>
      <c r="O714" s="19">
        <v>1979</v>
      </c>
      <c r="P714" s="19">
        <v>1</v>
      </c>
      <c r="Q714" s="49"/>
      <c r="R714" s="23">
        <v>45065</v>
      </c>
    </row>
    <row r="715" spans="1:18" ht="14.25" customHeight="1" x14ac:dyDescent="0.2">
      <c r="A715" s="42" t="s">
        <v>10065</v>
      </c>
      <c r="B715" s="10" t="s">
        <v>7536</v>
      </c>
      <c r="C715" s="16">
        <v>1</v>
      </c>
      <c r="D715" s="16">
        <v>511</v>
      </c>
      <c r="E715" s="16">
        <v>1503</v>
      </c>
      <c r="F715" s="35" t="s">
        <v>828</v>
      </c>
      <c r="G715" s="32" t="s">
        <v>6919</v>
      </c>
      <c r="H715" s="35" t="s">
        <v>7550</v>
      </c>
      <c r="I715" s="35" t="s">
        <v>4736</v>
      </c>
      <c r="J715" s="18"/>
      <c r="K715" s="18"/>
      <c r="L715" s="35" t="s">
        <v>2506</v>
      </c>
      <c r="M715" s="17" t="s">
        <v>3585</v>
      </c>
      <c r="N715" s="16" t="s">
        <v>7650</v>
      </c>
      <c r="O715" s="19">
        <v>1980</v>
      </c>
      <c r="P715" s="19">
        <v>1</v>
      </c>
      <c r="Q715" s="49"/>
      <c r="R715" s="23">
        <v>45065</v>
      </c>
    </row>
    <row r="716" spans="1:18" ht="14.25" customHeight="1" x14ac:dyDescent="0.2">
      <c r="A716" s="42" t="s">
        <v>10066</v>
      </c>
      <c r="B716" s="10" t="s">
        <v>7536</v>
      </c>
      <c r="C716" s="16">
        <v>1</v>
      </c>
      <c r="D716" s="16">
        <v>511</v>
      </c>
      <c r="E716" s="16">
        <v>1503</v>
      </c>
      <c r="F716" s="35" t="s">
        <v>889</v>
      </c>
      <c r="G716" s="32" t="s">
        <v>6976</v>
      </c>
      <c r="H716" s="35" t="s">
        <v>7606</v>
      </c>
      <c r="I716" s="35" t="s">
        <v>7651</v>
      </c>
      <c r="J716" s="18"/>
      <c r="K716" s="18"/>
      <c r="L716" s="35" t="s">
        <v>2561</v>
      </c>
      <c r="M716" s="17" t="s">
        <v>3642</v>
      </c>
      <c r="N716" s="16" t="s">
        <v>7652</v>
      </c>
      <c r="O716" s="19">
        <v>1981</v>
      </c>
      <c r="P716" s="19">
        <v>1</v>
      </c>
      <c r="Q716" s="49"/>
      <c r="R716" s="23">
        <v>45065</v>
      </c>
    </row>
    <row r="717" spans="1:18" ht="14.25" customHeight="1" x14ac:dyDescent="0.2">
      <c r="A717" s="42" t="s">
        <v>8885</v>
      </c>
      <c r="B717" s="10" t="s">
        <v>7536</v>
      </c>
      <c r="C717" s="16">
        <v>1</v>
      </c>
      <c r="D717" s="16">
        <v>511</v>
      </c>
      <c r="E717" s="16">
        <v>1503</v>
      </c>
      <c r="F717" s="35" t="s">
        <v>865</v>
      </c>
      <c r="G717" s="32" t="s">
        <v>6952</v>
      </c>
      <c r="H717" s="35" t="s">
        <v>7653</v>
      </c>
      <c r="I717" s="35" t="s">
        <v>7654</v>
      </c>
      <c r="J717" s="18"/>
      <c r="K717" s="18"/>
      <c r="L717" s="35" t="s">
        <v>2538</v>
      </c>
      <c r="M717" s="17" t="s">
        <v>3618</v>
      </c>
      <c r="N717" s="16" t="s">
        <v>7655</v>
      </c>
      <c r="O717" s="19">
        <v>1982</v>
      </c>
      <c r="P717" s="19">
        <v>1</v>
      </c>
      <c r="Q717" s="49"/>
      <c r="R717" s="23">
        <v>45065</v>
      </c>
    </row>
    <row r="718" spans="1:18" ht="14.25" customHeight="1" x14ac:dyDescent="0.2">
      <c r="A718" s="42" t="s">
        <v>10067</v>
      </c>
      <c r="B718" s="10" t="s">
        <v>7536</v>
      </c>
      <c r="C718" s="16">
        <v>1</v>
      </c>
      <c r="D718" s="16">
        <v>511</v>
      </c>
      <c r="E718" s="16">
        <v>1503</v>
      </c>
      <c r="F718" s="35" t="s">
        <v>890</v>
      </c>
      <c r="G718" s="32" t="s">
        <v>6977</v>
      </c>
      <c r="H718" s="35" t="s">
        <v>7656</v>
      </c>
      <c r="I718" s="35" t="s">
        <v>7657</v>
      </c>
      <c r="J718" s="18"/>
      <c r="K718" s="18"/>
      <c r="L718" s="35" t="s">
        <v>2562</v>
      </c>
      <c r="M718" s="17" t="s">
        <v>3643</v>
      </c>
      <c r="N718" s="16" t="s">
        <v>7658</v>
      </c>
      <c r="O718" s="19">
        <v>1983</v>
      </c>
      <c r="P718" s="19">
        <v>1</v>
      </c>
      <c r="Q718" s="49"/>
      <c r="R718" s="23">
        <v>45065</v>
      </c>
    </row>
    <row r="719" spans="1:18" ht="14.25" customHeight="1" x14ac:dyDescent="0.2">
      <c r="A719" s="42" t="s">
        <v>10068</v>
      </c>
      <c r="B719" s="10" t="s">
        <v>7536</v>
      </c>
      <c r="C719" s="16">
        <v>1</v>
      </c>
      <c r="D719" s="16">
        <v>511</v>
      </c>
      <c r="E719" s="16">
        <v>1503</v>
      </c>
      <c r="F719" s="35" t="s">
        <v>866</v>
      </c>
      <c r="G719" s="32" t="s">
        <v>6953</v>
      </c>
      <c r="H719" s="35" t="s">
        <v>7541</v>
      </c>
      <c r="I719" s="35" t="s">
        <v>4754</v>
      </c>
      <c r="J719" s="18"/>
      <c r="K719" s="18"/>
      <c r="L719" s="35" t="s">
        <v>2539</v>
      </c>
      <c r="M719" s="17" t="s">
        <v>3619</v>
      </c>
      <c r="N719" s="16" t="s">
        <v>7659</v>
      </c>
      <c r="O719" s="19">
        <v>1984</v>
      </c>
      <c r="P719" s="19">
        <v>1</v>
      </c>
      <c r="Q719" s="49"/>
      <c r="R719" s="23">
        <v>45065</v>
      </c>
    </row>
    <row r="720" spans="1:18" ht="14.25" customHeight="1" x14ac:dyDescent="0.2">
      <c r="A720" s="42" t="s">
        <v>10069</v>
      </c>
      <c r="B720" s="10" t="s">
        <v>7536</v>
      </c>
      <c r="C720" s="16">
        <v>1</v>
      </c>
      <c r="D720" s="16">
        <v>511</v>
      </c>
      <c r="E720" s="16">
        <v>1503</v>
      </c>
      <c r="F720" s="35" t="s">
        <v>829</v>
      </c>
      <c r="G720" s="32" t="s">
        <v>6920</v>
      </c>
      <c r="H720" s="35" t="s">
        <v>7556</v>
      </c>
      <c r="I720" s="35" t="s">
        <v>7660</v>
      </c>
      <c r="J720" s="18"/>
      <c r="K720" s="18"/>
      <c r="L720" s="35" t="s">
        <v>2507</v>
      </c>
      <c r="M720" s="17" t="s">
        <v>3586</v>
      </c>
      <c r="N720" s="16" t="s">
        <v>7661</v>
      </c>
      <c r="O720" s="19">
        <v>1987</v>
      </c>
      <c r="P720" s="19">
        <v>1</v>
      </c>
      <c r="Q720" s="49"/>
      <c r="R720" s="23">
        <v>45065</v>
      </c>
    </row>
    <row r="721" spans="1:18" ht="14.25" customHeight="1" x14ac:dyDescent="0.2">
      <c r="A721" s="42" t="s">
        <v>10070</v>
      </c>
      <c r="B721" s="10" t="s">
        <v>7536</v>
      </c>
      <c r="C721" s="16">
        <v>1</v>
      </c>
      <c r="D721" s="16">
        <v>511</v>
      </c>
      <c r="E721" s="16">
        <v>1503</v>
      </c>
      <c r="F721" s="35" t="s">
        <v>891</v>
      </c>
      <c r="G721" s="32" t="s">
        <v>6978</v>
      </c>
      <c r="H721" s="35" t="s">
        <v>7609</v>
      </c>
      <c r="I721" s="35" t="s">
        <v>7662</v>
      </c>
      <c r="J721" s="18"/>
      <c r="K721" s="18"/>
      <c r="L721" s="35" t="s">
        <v>2563</v>
      </c>
      <c r="M721" s="17" t="s">
        <v>3644</v>
      </c>
      <c r="N721" s="16" t="s">
        <v>7663</v>
      </c>
      <c r="O721" s="19">
        <v>2001</v>
      </c>
      <c r="P721" s="19">
        <v>1</v>
      </c>
      <c r="Q721" s="49"/>
      <c r="R721" s="23">
        <v>45065</v>
      </c>
    </row>
    <row r="722" spans="1:18" ht="14.25" customHeight="1" x14ac:dyDescent="0.2">
      <c r="A722" s="42" t="s">
        <v>10071</v>
      </c>
      <c r="B722" s="10" t="s">
        <v>7536</v>
      </c>
      <c r="C722" s="16">
        <v>1</v>
      </c>
      <c r="D722" s="16">
        <v>511</v>
      </c>
      <c r="E722" s="16">
        <v>1503</v>
      </c>
      <c r="F722" s="35" t="s">
        <v>892</v>
      </c>
      <c r="G722" s="32" t="s">
        <v>6979</v>
      </c>
      <c r="H722" s="35" t="s">
        <v>7664</v>
      </c>
      <c r="I722" s="35" t="s">
        <v>4759</v>
      </c>
      <c r="J722" s="18"/>
      <c r="K722" s="18"/>
      <c r="L722" s="35" t="s">
        <v>2564</v>
      </c>
      <c r="M722" s="17" t="s">
        <v>3645</v>
      </c>
      <c r="N722" s="16" t="s">
        <v>7665</v>
      </c>
      <c r="O722" s="19">
        <v>2002</v>
      </c>
      <c r="P722" s="19">
        <v>1</v>
      </c>
      <c r="Q722" s="49"/>
      <c r="R722" s="23">
        <v>45065</v>
      </c>
    </row>
    <row r="723" spans="1:18" ht="14.25" customHeight="1" x14ac:dyDescent="0.2">
      <c r="A723" s="42" t="s">
        <v>10072</v>
      </c>
      <c r="B723" s="10" t="s">
        <v>7536</v>
      </c>
      <c r="C723" s="16">
        <v>1</v>
      </c>
      <c r="D723" s="16">
        <v>511</v>
      </c>
      <c r="E723" s="16">
        <v>1503</v>
      </c>
      <c r="F723" s="35" t="s">
        <v>867</v>
      </c>
      <c r="G723" s="32" t="s">
        <v>6954</v>
      </c>
      <c r="H723" s="35" t="s">
        <v>7572</v>
      </c>
      <c r="I723" s="35" t="s">
        <v>7666</v>
      </c>
      <c r="J723" s="18"/>
      <c r="K723" s="18"/>
      <c r="L723" s="35" t="s">
        <v>2540</v>
      </c>
      <c r="M723" s="17" t="s">
        <v>3620</v>
      </c>
      <c r="N723" s="16" t="s">
        <v>7667</v>
      </c>
      <c r="O723" s="19">
        <v>2002</v>
      </c>
      <c r="P723" s="19">
        <v>1</v>
      </c>
      <c r="Q723" s="49"/>
      <c r="R723" s="23">
        <v>45065</v>
      </c>
    </row>
    <row r="724" spans="1:18" ht="14.25" customHeight="1" x14ac:dyDescent="0.2">
      <c r="A724" s="42" t="s">
        <v>8886</v>
      </c>
      <c r="B724" s="10" t="s">
        <v>7536</v>
      </c>
      <c r="C724" s="16">
        <v>1</v>
      </c>
      <c r="D724" s="16">
        <v>511</v>
      </c>
      <c r="E724" s="16">
        <v>1503</v>
      </c>
      <c r="F724" s="35" t="s">
        <v>868</v>
      </c>
      <c r="G724" s="32" t="s">
        <v>6955</v>
      </c>
      <c r="H724" s="35" t="s">
        <v>7668</v>
      </c>
      <c r="I724" s="35" t="s">
        <v>7669</v>
      </c>
      <c r="J724" s="18"/>
      <c r="K724" s="18"/>
      <c r="L724" s="35" t="s">
        <v>2541</v>
      </c>
      <c r="M724" s="17" t="s">
        <v>3621</v>
      </c>
      <c r="N724" s="16" t="s">
        <v>7670</v>
      </c>
      <c r="O724" s="19">
        <v>2003</v>
      </c>
      <c r="P724" s="19">
        <v>1</v>
      </c>
      <c r="Q724" s="49"/>
      <c r="R724" s="23">
        <v>45065</v>
      </c>
    </row>
    <row r="725" spans="1:18" ht="14.25" customHeight="1" x14ac:dyDescent="0.2">
      <c r="A725" s="42" t="s">
        <v>10073</v>
      </c>
      <c r="B725" s="10" t="s">
        <v>7536</v>
      </c>
      <c r="C725" s="16">
        <v>1</v>
      </c>
      <c r="D725" s="16">
        <v>511</v>
      </c>
      <c r="E725" s="16">
        <v>1503</v>
      </c>
      <c r="F725" s="35" t="s">
        <v>830</v>
      </c>
      <c r="G725" s="32" t="s">
        <v>6921</v>
      </c>
      <c r="H725" s="35" t="s">
        <v>831</v>
      </c>
      <c r="I725" s="35" t="s">
        <v>7671</v>
      </c>
      <c r="J725" s="18"/>
      <c r="K725" s="18"/>
      <c r="L725" s="35" t="s">
        <v>2508</v>
      </c>
      <c r="M725" s="17" t="s">
        <v>3587</v>
      </c>
      <c r="N725" s="16" t="s">
        <v>7672</v>
      </c>
      <c r="O725" s="19">
        <v>1873</v>
      </c>
      <c r="P725" s="19">
        <v>1</v>
      </c>
      <c r="Q725" s="49"/>
      <c r="R725" s="23">
        <v>45065</v>
      </c>
    </row>
    <row r="726" spans="1:18" ht="14.25" customHeight="1" x14ac:dyDescent="0.2">
      <c r="A726" s="42" t="s">
        <v>10074</v>
      </c>
      <c r="B726" s="10" t="s">
        <v>7536</v>
      </c>
      <c r="C726" s="16">
        <v>1</v>
      </c>
      <c r="D726" s="16">
        <v>511</v>
      </c>
      <c r="E726" s="16">
        <v>1503</v>
      </c>
      <c r="F726" s="35" t="s">
        <v>832</v>
      </c>
      <c r="G726" s="32" t="s">
        <v>6922</v>
      </c>
      <c r="H726" s="35" t="s">
        <v>833</v>
      </c>
      <c r="I726" s="35" t="s">
        <v>4737</v>
      </c>
      <c r="J726" s="18"/>
      <c r="K726" s="18"/>
      <c r="L726" s="35" t="s">
        <v>2509</v>
      </c>
      <c r="M726" s="17" t="s">
        <v>3588</v>
      </c>
      <c r="N726" s="16" t="s">
        <v>7673</v>
      </c>
      <c r="O726" s="19">
        <v>1906</v>
      </c>
      <c r="P726" s="19">
        <v>1</v>
      </c>
      <c r="Q726" s="49"/>
      <c r="R726" s="23">
        <v>45065</v>
      </c>
    </row>
    <row r="727" spans="1:18" ht="14.25" customHeight="1" x14ac:dyDescent="0.2">
      <c r="A727" s="42" t="s">
        <v>10075</v>
      </c>
      <c r="B727" s="10" t="s">
        <v>7536</v>
      </c>
      <c r="C727" s="16">
        <v>1</v>
      </c>
      <c r="D727" s="16">
        <v>511</v>
      </c>
      <c r="E727" s="16">
        <v>1503</v>
      </c>
      <c r="F727" s="35" t="s">
        <v>834</v>
      </c>
      <c r="G727" s="32" t="s">
        <v>6923</v>
      </c>
      <c r="H727" s="35" t="s">
        <v>835</v>
      </c>
      <c r="I727" s="35" t="s">
        <v>7674</v>
      </c>
      <c r="J727" s="18"/>
      <c r="K727" s="18"/>
      <c r="L727" s="35" t="s">
        <v>2510</v>
      </c>
      <c r="M727" s="17" t="s">
        <v>3589</v>
      </c>
      <c r="N727" s="16" t="s">
        <v>7675</v>
      </c>
      <c r="O727" s="19">
        <v>1978</v>
      </c>
      <c r="P727" s="19">
        <v>1</v>
      </c>
      <c r="Q727" s="49"/>
      <c r="R727" s="23">
        <v>45065</v>
      </c>
    </row>
    <row r="728" spans="1:18" ht="14.25" customHeight="1" x14ac:dyDescent="0.2">
      <c r="A728" s="42" t="s">
        <v>10076</v>
      </c>
      <c r="B728" s="10" t="s">
        <v>7536</v>
      </c>
      <c r="C728" s="16">
        <v>1</v>
      </c>
      <c r="D728" s="16">
        <v>511</v>
      </c>
      <c r="E728" s="16">
        <v>1503</v>
      </c>
      <c r="F728" s="35" t="s">
        <v>836</v>
      </c>
      <c r="G728" s="32" t="s">
        <v>6924</v>
      </c>
      <c r="H728" s="35" t="s">
        <v>837</v>
      </c>
      <c r="I728" s="35" t="s">
        <v>4738</v>
      </c>
      <c r="J728" s="18"/>
      <c r="K728" s="18"/>
      <c r="L728" s="35" t="s">
        <v>2511</v>
      </c>
      <c r="M728" s="17" t="s">
        <v>3590</v>
      </c>
      <c r="N728" s="16" t="s">
        <v>7676</v>
      </c>
      <c r="O728" s="19">
        <v>1982</v>
      </c>
      <c r="P728" s="19">
        <v>1</v>
      </c>
      <c r="Q728" s="49"/>
      <c r="R728" s="23">
        <v>45065</v>
      </c>
    </row>
    <row r="729" spans="1:18" ht="14.25" customHeight="1" x14ac:dyDescent="0.2">
      <c r="A729" s="42" t="s">
        <v>8887</v>
      </c>
      <c r="B729" s="10" t="s">
        <v>7536</v>
      </c>
      <c r="C729" s="16">
        <v>1</v>
      </c>
      <c r="D729" s="16">
        <v>511</v>
      </c>
      <c r="E729" s="16">
        <v>1503</v>
      </c>
      <c r="F729" s="35" t="s">
        <v>838</v>
      </c>
      <c r="G729" s="32" t="s">
        <v>6925</v>
      </c>
      <c r="H729" s="35" t="s">
        <v>7677</v>
      </c>
      <c r="I729" s="35" t="s">
        <v>4739</v>
      </c>
      <c r="J729" s="18"/>
      <c r="K729" s="18"/>
      <c r="L729" s="35" t="s">
        <v>2512</v>
      </c>
      <c r="M729" s="17" t="s">
        <v>3591</v>
      </c>
      <c r="N729" s="16" t="s">
        <v>7678</v>
      </c>
      <c r="O729" s="19">
        <v>1873</v>
      </c>
      <c r="P729" s="19">
        <v>1</v>
      </c>
      <c r="Q729" s="49"/>
      <c r="R729" s="23">
        <v>45065</v>
      </c>
    </row>
    <row r="730" spans="1:18" ht="14.25" customHeight="1" x14ac:dyDescent="0.2">
      <c r="A730" s="42" t="s">
        <v>10077</v>
      </c>
      <c r="B730" s="10" t="s">
        <v>7536</v>
      </c>
      <c r="C730" s="16">
        <v>1</v>
      </c>
      <c r="D730" s="16">
        <v>511</v>
      </c>
      <c r="E730" s="16">
        <v>1503</v>
      </c>
      <c r="F730" s="35" t="s">
        <v>841</v>
      </c>
      <c r="G730" s="32" t="s">
        <v>6928</v>
      </c>
      <c r="H730" s="35" t="s">
        <v>7679</v>
      </c>
      <c r="I730" s="35" t="s">
        <v>4742</v>
      </c>
      <c r="J730" s="18"/>
      <c r="K730" s="18"/>
      <c r="L730" s="35" t="s">
        <v>2515</v>
      </c>
      <c r="M730" s="17" t="s">
        <v>3594</v>
      </c>
      <c r="N730" s="16" t="s">
        <v>7680</v>
      </c>
      <c r="O730" s="19">
        <v>1960</v>
      </c>
      <c r="P730" s="19">
        <v>1</v>
      </c>
      <c r="Q730" s="49"/>
      <c r="R730" s="23">
        <v>45065</v>
      </c>
    </row>
    <row r="731" spans="1:18" ht="14.25" customHeight="1" x14ac:dyDescent="0.2">
      <c r="A731" s="42" t="s">
        <v>10078</v>
      </c>
      <c r="B731" s="10" t="s">
        <v>7536</v>
      </c>
      <c r="C731" s="16">
        <v>1</v>
      </c>
      <c r="D731" s="16">
        <v>511</v>
      </c>
      <c r="E731" s="16">
        <v>1503</v>
      </c>
      <c r="F731" s="35" t="s">
        <v>840</v>
      </c>
      <c r="G731" s="32" t="s">
        <v>6927</v>
      </c>
      <c r="H731" s="35" t="s">
        <v>7681</v>
      </c>
      <c r="I731" s="35" t="s">
        <v>4741</v>
      </c>
      <c r="J731" s="18"/>
      <c r="K731" s="18"/>
      <c r="L731" s="35" t="s">
        <v>2514</v>
      </c>
      <c r="M731" s="17" t="s">
        <v>3593</v>
      </c>
      <c r="N731" s="16" t="s">
        <v>7682</v>
      </c>
      <c r="O731" s="19">
        <v>1873</v>
      </c>
      <c r="P731" s="19">
        <v>1</v>
      </c>
      <c r="Q731" s="49"/>
      <c r="R731" s="23">
        <v>45065</v>
      </c>
    </row>
    <row r="732" spans="1:18" ht="14.25" customHeight="1" x14ac:dyDescent="0.2">
      <c r="A732" s="42" t="s">
        <v>10079</v>
      </c>
      <c r="B732" s="10" t="s">
        <v>7536</v>
      </c>
      <c r="C732" s="16">
        <v>1</v>
      </c>
      <c r="D732" s="16">
        <v>511</v>
      </c>
      <c r="E732" s="16">
        <v>1503</v>
      </c>
      <c r="F732" s="35" t="s">
        <v>839</v>
      </c>
      <c r="G732" s="32" t="s">
        <v>6926</v>
      </c>
      <c r="H732" s="35" t="s">
        <v>7683</v>
      </c>
      <c r="I732" s="35" t="s">
        <v>4740</v>
      </c>
      <c r="J732" s="18"/>
      <c r="K732" s="18"/>
      <c r="L732" s="35" t="s">
        <v>2513</v>
      </c>
      <c r="M732" s="17" t="s">
        <v>3592</v>
      </c>
      <c r="N732" s="16" t="s">
        <v>7684</v>
      </c>
      <c r="O732" s="19">
        <v>1873</v>
      </c>
      <c r="P732" s="19">
        <v>1</v>
      </c>
      <c r="Q732" s="49"/>
      <c r="R732" s="23">
        <v>45065</v>
      </c>
    </row>
    <row r="733" spans="1:18" ht="14.25" customHeight="1" x14ac:dyDescent="0.2">
      <c r="A733" s="42" t="s">
        <v>8888</v>
      </c>
      <c r="B733" s="10" t="s">
        <v>7536</v>
      </c>
      <c r="C733" s="16">
        <v>1</v>
      </c>
      <c r="D733" s="16">
        <v>511</v>
      </c>
      <c r="E733" s="16">
        <v>1503</v>
      </c>
      <c r="F733" s="35" t="s">
        <v>842</v>
      </c>
      <c r="G733" s="32" t="s">
        <v>6929</v>
      </c>
      <c r="H733" s="35" t="s">
        <v>7687</v>
      </c>
      <c r="I733" s="35" t="s">
        <v>4744</v>
      </c>
      <c r="J733" s="18"/>
      <c r="K733" s="18"/>
      <c r="L733" s="35" t="s">
        <v>2516</v>
      </c>
      <c r="M733" s="17" t="s">
        <v>3595</v>
      </c>
      <c r="N733" s="16" t="s">
        <v>7688</v>
      </c>
      <c r="O733" s="19">
        <v>1873</v>
      </c>
      <c r="P733" s="19">
        <v>1</v>
      </c>
      <c r="Q733" s="49"/>
      <c r="R733" s="23">
        <v>45065</v>
      </c>
    </row>
    <row r="734" spans="1:18" s="33" customFormat="1" ht="14.25" customHeight="1" x14ac:dyDescent="0.2">
      <c r="A734" s="42" t="s">
        <v>10080</v>
      </c>
      <c r="B734" s="10" t="s">
        <v>7536</v>
      </c>
      <c r="C734" s="16">
        <v>1</v>
      </c>
      <c r="D734" s="16">
        <v>511</v>
      </c>
      <c r="E734" s="16">
        <v>1503</v>
      </c>
      <c r="F734" s="35" t="s">
        <v>843</v>
      </c>
      <c r="G734" s="32" t="s">
        <v>6930</v>
      </c>
      <c r="H734" s="35" t="s">
        <v>7689</v>
      </c>
      <c r="I734" s="35" t="s">
        <v>4745</v>
      </c>
      <c r="J734" s="18"/>
      <c r="K734" s="18"/>
      <c r="L734" s="35" t="s">
        <v>2517</v>
      </c>
      <c r="M734" s="17" t="s">
        <v>3596</v>
      </c>
      <c r="N734" s="16" t="s">
        <v>7690</v>
      </c>
      <c r="O734" s="19">
        <v>1901</v>
      </c>
      <c r="P734" s="19">
        <v>1</v>
      </c>
      <c r="Q734" s="49"/>
      <c r="R734" s="23">
        <v>45065</v>
      </c>
    </row>
    <row r="735" spans="1:18" s="33" customFormat="1" ht="14.25" customHeight="1" x14ac:dyDescent="0.2">
      <c r="A735" s="42" t="s">
        <v>10081</v>
      </c>
      <c r="B735" s="10" t="s">
        <v>7536</v>
      </c>
      <c r="C735" s="16">
        <v>1</v>
      </c>
      <c r="D735" s="16">
        <v>511</v>
      </c>
      <c r="E735" s="16">
        <v>1503</v>
      </c>
      <c r="F735" s="35" t="s">
        <v>844</v>
      </c>
      <c r="G735" s="32" t="s">
        <v>6931</v>
      </c>
      <c r="H735" s="35" t="s">
        <v>7691</v>
      </c>
      <c r="I735" s="35" t="s">
        <v>4746</v>
      </c>
      <c r="J735" s="18"/>
      <c r="K735" s="18"/>
      <c r="L735" s="35" t="s">
        <v>2518</v>
      </c>
      <c r="M735" s="17" t="s">
        <v>3597</v>
      </c>
      <c r="N735" s="16" t="s">
        <v>7692</v>
      </c>
      <c r="O735" s="19">
        <v>1880</v>
      </c>
      <c r="P735" s="19">
        <v>1</v>
      </c>
      <c r="Q735" s="49"/>
      <c r="R735" s="23">
        <v>45065</v>
      </c>
    </row>
    <row r="736" spans="1:18" s="33" customFormat="1" ht="14.25" customHeight="1" x14ac:dyDescent="0.2">
      <c r="A736" s="42" t="s">
        <v>10082</v>
      </c>
      <c r="B736" s="10" t="s">
        <v>7536</v>
      </c>
      <c r="C736" s="16">
        <v>1</v>
      </c>
      <c r="D736" s="16">
        <v>511</v>
      </c>
      <c r="E736" s="16">
        <v>1503</v>
      </c>
      <c r="F736" s="35" t="s">
        <v>845</v>
      </c>
      <c r="G736" s="32" t="s">
        <v>6932</v>
      </c>
      <c r="H736" s="35" t="s">
        <v>7693</v>
      </c>
      <c r="I736" s="35" t="s">
        <v>4747</v>
      </c>
      <c r="J736" s="18"/>
      <c r="K736" s="18"/>
      <c r="L736" s="35" t="s">
        <v>2519</v>
      </c>
      <c r="M736" s="17" t="s">
        <v>3598</v>
      </c>
      <c r="N736" s="16" t="s">
        <v>7694</v>
      </c>
      <c r="O736" s="19">
        <v>2006</v>
      </c>
      <c r="P736" s="19">
        <v>1</v>
      </c>
      <c r="Q736" s="49"/>
      <c r="R736" s="23">
        <v>45065</v>
      </c>
    </row>
    <row r="737" spans="1:18" s="33" customFormat="1" ht="14.25" customHeight="1" x14ac:dyDescent="0.2">
      <c r="A737" s="42" t="s">
        <v>10083</v>
      </c>
      <c r="B737" s="10" t="s">
        <v>7536</v>
      </c>
      <c r="C737" s="16">
        <v>1</v>
      </c>
      <c r="D737" s="16">
        <v>511</v>
      </c>
      <c r="E737" s="16">
        <v>1503</v>
      </c>
      <c r="F737" s="35" t="s">
        <v>846</v>
      </c>
      <c r="G737" s="32" t="s">
        <v>6933</v>
      </c>
      <c r="H737" s="35" t="s">
        <v>7695</v>
      </c>
      <c r="I737" s="35" t="s">
        <v>4748</v>
      </c>
      <c r="J737" s="18"/>
      <c r="K737" s="18"/>
      <c r="L737" s="35" t="s">
        <v>2520</v>
      </c>
      <c r="M737" s="17" t="s">
        <v>3599</v>
      </c>
      <c r="N737" s="16" t="s">
        <v>7696</v>
      </c>
      <c r="O737" s="19">
        <v>2005</v>
      </c>
      <c r="P737" s="19">
        <v>1</v>
      </c>
      <c r="Q737" s="49"/>
      <c r="R737" s="23">
        <v>45065</v>
      </c>
    </row>
    <row r="738" spans="1:18" s="33" customFormat="1" ht="14.25" customHeight="1" x14ac:dyDescent="0.2">
      <c r="A738" s="42" t="s">
        <v>10084</v>
      </c>
      <c r="B738" s="10" t="s">
        <v>7536</v>
      </c>
      <c r="C738" s="16">
        <v>1</v>
      </c>
      <c r="D738" s="16">
        <v>511</v>
      </c>
      <c r="E738" s="16">
        <v>1503</v>
      </c>
      <c r="F738" s="35" t="s">
        <v>847</v>
      </c>
      <c r="G738" s="32" t="s">
        <v>6934</v>
      </c>
      <c r="H738" s="35" t="s">
        <v>7697</v>
      </c>
      <c r="I738" s="35" t="s">
        <v>4749</v>
      </c>
      <c r="J738" s="18"/>
      <c r="K738" s="18"/>
      <c r="L738" s="35" t="s">
        <v>2521</v>
      </c>
      <c r="M738" s="17" t="s">
        <v>3600</v>
      </c>
      <c r="N738" s="16" t="s">
        <v>7698</v>
      </c>
      <c r="O738" s="19">
        <v>2003</v>
      </c>
      <c r="P738" s="19">
        <v>1</v>
      </c>
      <c r="Q738" s="49"/>
      <c r="R738" s="23">
        <v>45065</v>
      </c>
    </row>
    <row r="739" spans="1:18" s="33" customFormat="1" ht="14.25" customHeight="1" x14ac:dyDescent="0.2">
      <c r="A739" s="42" t="s">
        <v>10085</v>
      </c>
      <c r="B739" s="10" t="s">
        <v>7536</v>
      </c>
      <c r="C739" s="16">
        <v>2</v>
      </c>
      <c r="D739" s="16">
        <v>512</v>
      </c>
      <c r="E739" s="16">
        <v>1504</v>
      </c>
      <c r="F739" s="35" t="s">
        <v>7699</v>
      </c>
      <c r="G739" s="32" t="s">
        <v>7002</v>
      </c>
      <c r="H739" s="35" t="s">
        <v>7537</v>
      </c>
      <c r="I739" s="35" t="s">
        <v>4770</v>
      </c>
      <c r="J739" s="18"/>
      <c r="K739" s="18"/>
      <c r="L739" s="35" t="s">
        <v>2588</v>
      </c>
      <c r="M739" s="17" t="s">
        <v>3669</v>
      </c>
      <c r="N739" s="16" t="s">
        <v>7700</v>
      </c>
      <c r="O739" s="19">
        <v>1951</v>
      </c>
      <c r="P739" s="19">
        <v>1</v>
      </c>
      <c r="Q739" s="49"/>
      <c r="R739" s="23">
        <v>45065</v>
      </c>
    </row>
    <row r="740" spans="1:18" s="33" customFormat="1" ht="14.25" customHeight="1" x14ac:dyDescent="0.2">
      <c r="A740" s="42" t="s">
        <v>8465</v>
      </c>
      <c r="B740" s="10" t="s">
        <v>7536</v>
      </c>
      <c r="C740" s="16">
        <v>2</v>
      </c>
      <c r="D740" s="16">
        <v>512</v>
      </c>
      <c r="E740" s="16">
        <v>1504</v>
      </c>
      <c r="F740" s="35" t="s">
        <v>7701</v>
      </c>
      <c r="G740" s="32" t="s">
        <v>6991</v>
      </c>
      <c r="H740" s="35" t="s">
        <v>7702</v>
      </c>
      <c r="I740" s="35" t="s">
        <v>7703</v>
      </c>
      <c r="J740" s="18"/>
      <c r="K740" s="18"/>
      <c r="L740" s="35" t="s">
        <v>2577</v>
      </c>
      <c r="M740" s="17" t="s">
        <v>3658</v>
      </c>
      <c r="N740" s="16" t="s">
        <v>7704</v>
      </c>
      <c r="O740" s="19">
        <v>1947</v>
      </c>
      <c r="P740" s="19">
        <v>1</v>
      </c>
      <c r="Q740" s="49"/>
      <c r="R740" s="23">
        <v>45065</v>
      </c>
    </row>
    <row r="741" spans="1:18" s="33" customFormat="1" ht="14.25" customHeight="1" x14ac:dyDescent="0.2">
      <c r="A741" s="42" t="s">
        <v>8889</v>
      </c>
      <c r="B741" s="10" t="s">
        <v>7536</v>
      </c>
      <c r="C741" s="16">
        <v>2</v>
      </c>
      <c r="D741" s="16">
        <v>512</v>
      </c>
      <c r="E741" s="16">
        <v>1504</v>
      </c>
      <c r="F741" s="35" t="s">
        <v>7705</v>
      </c>
      <c r="G741" s="32" t="s">
        <v>6992</v>
      </c>
      <c r="H741" s="35" t="s">
        <v>7541</v>
      </c>
      <c r="I741" s="35" t="s">
        <v>4768</v>
      </c>
      <c r="J741" s="18"/>
      <c r="K741" s="18"/>
      <c r="L741" s="35" t="s">
        <v>2578</v>
      </c>
      <c r="M741" s="17" t="s">
        <v>3659</v>
      </c>
      <c r="N741" s="16" t="s">
        <v>7706</v>
      </c>
      <c r="O741" s="19">
        <v>1947</v>
      </c>
      <c r="P741" s="19">
        <v>1</v>
      </c>
      <c r="Q741" s="49"/>
      <c r="R741" s="23">
        <v>45065</v>
      </c>
    </row>
    <row r="742" spans="1:18" s="33" customFormat="1" ht="14.25" customHeight="1" x14ac:dyDescent="0.2">
      <c r="A742" s="42" t="s">
        <v>10086</v>
      </c>
      <c r="B742" s="10" t="s">
        <v>7536</v>
      </c>
      <c r="C742" s="16">
        <v>2</v>
      </c>
      <c r="D742" s="16">
        <v>512</v>
      </c>
      <c r="E742" s="16">
        <v>1504</v>
      </c>
      <c r="F742" s="35" t="s">
        <v>7707</v>
      </c>
      <c r="G742" s="32" t="s">
        <v>6980</v>
      </c>
      <c r="H742" s="35" t="s">
        <v>7550</v>
      </c>
      <c r="I742" s="35" t="s">
        <v>4760</v>
      </c>
      <c r="J742" s="18"/>
      <c r="K742" s="18"/>
      <c r="L742" s="35" t="s">
        <v>2565</v>
      </c>
      <c r="M742" s="17" t="s">
        <v>3646</v>
      </c>
      <c r="N742" s="16" t="s">
        <v>7708</v>
      </c>
      <c r="O742" s="19">
        <v>1947</v>
      </c>
      <c r="P742" s="19">
        <v>1</v>
      </c>
      <c r="Q742" s="49"/>
      <c r="R742" s="23">
        <v>45065</v>
      </c>
    </row>
    <row r="743" spans="1:18" s="33" customFormat="1" ht="14.25" customHeight="1" x14ac:dyDescent="0.2">
      <c r="A743" s="42" t="s">
        <v>10087</v>
      </c>
      <c r="B743" s="10" t="s">
        <v>7536</v>
      </c>
      <c r="C743" s="16">
        <v>2</v>
      </c>
      <c r="D743" s="16">
        <v>512</v>
      </c>
      <c r="E743" s="16">
        <v>1504</v>
      </c>
      <c r="F743" s="35" t="s">
        <v>7709</v>
      </c>
      <c r="G743" s="32" t="s">
        <v>6981</v>
      </c>
      <c r="H743" s="35" t="s">
        <v>5832</v>
      </c>
      <c r="I743" s="35" t="s">
        <v>7710</v>
      </c>
      <c r="J743" s="18"/>
      <c r="K743" s="18"/>
      <c r="L743" s="35" t="s">
        <v>2566</v>
      </c>
      <c r="M743" s="17" t="s">
        <v>3647</v>
      </c>
      <c r="N743" s="16" t="s">
        <v>7711</v>
      </c>
      <c r="O743" s="19">
        <v>1947</v>
      </c>
      <c r="P743" s="19">
        <v>1</v>
      </c>
      <c r="Q743" s="49"/>
      <c r="R743" s="23">
        <v>45065</v>
      </c>
    </row>
    <row r="744" spans="1:18" s="33" customFormat="1" ht="14.25" customHeight="1" x14ac:dyDescent="0.2">
      <c r="A744" s="42" t="s">
        <v>10088</v>
      </c>
      <c r="B744" s="10" t="s">
        <v>7536</v>
      </c>
      <c r="C744" s="16">
        <v>2</v>
      </c>
      <c r="D744" s="16">
        <v>512</v>
      </c>
      <c r="E744" s="16">
        <v>1504</v>
      </c>
      <c r="F744" s="35" t="s">
        <v>7712</v>
      </c>
      <c r="G744" s="32" t="s">
        <v>6993</v>
      </c>
      <c r="H744" s="35" t="s">
        <v>7562</v>
      </c>
      <c r="I744" s="35" t="s">
        <v>7713</v>
      </c>
      <c r="J744" s="18"/>
      <c r="K744" s="18"/>
      <c r="L744" s="35" t="s">
        <v>2579</v>
      </c>
      <c r="M744" s="17" t="s">
        <v>3660</v>
      </c>
      <c r="N744" s="16" t="s">
        <v>7714</v>
      </c>
      <c r="O744" s="19">
        <v>1947</v>
      </c>
      <c r="P744" s="19">
        <v>1</v>
      </c>
      <c r="Q744" s="49"/>
      <c r="R744" s="23">
        <v>45065</v>
      </c>
    </row>
    <row r="745" spans="1:18" s="33" customFormat="1" ht="14.25" customHeight="1" x14ac:dyDescent="0.2">
      <c r="A745" s="42" t="s">
        <v>10089</v>
      </c>
      <c r="B745" s="10" t="s">
        <v>7536</v>
      </c>
      <c r="C745" s="16">
        <v>2</v>
      </c>
      <c r="D745" s="16">
        <v>512</v>
      </c>
      <c r="E745" s="16">
        <v>1504</v>
      </c>
      <c r="F745" s="35" t="s">
        <v>7715</v>
      </c>
      <c r="G745" s="32" t="s">
        <v>7003</v>
      </c>
      <c r="H745" s="35" t="s">
        <v>7569</v>
      </c>
      <c r="I745" s="35" t="s">
        <v>7716</v>
      </c>
      <c r="J745" s="18"/>
      <c r="K745" s="18"/>
      <c r="L745" s="35" t="s">
        <v>2589</v>
      </c>
      <c r="M745" s="17" t="s">
        <v>3670</v>
      </c>
      <c r="N745" s="16" t="s">
        <v>7717</v>
      </c>
      <c r="O745" s="19">
        <v>1947</v>
      </c>
      <c r="P745" s="19">
        <v>1</v>
      </c>
      <c r="Q745" s="49"/>
      <c r="R745" s="23">
        <v>45065</v>
      </c>
    </row>
    <row r="746" spans="1:18" s="33" customFormat="1" ht="14.25" customHeight="1" x14ac:dyDescent="0.2">
      <c r="A746" s="42" t="s">
        <v>10090</v>
      </c>
      <c r="B746" s="10" t="s">
        <v>7536</v>
      </c>
      <c r="C746" s="16">
        <v>2</v>
      </c>
      <c r="D746" s="16">
        <v>512</v>
      </c>
      <c r="E746" s="16">
        <v>1504</v>
      </c>
      <c r="F746" s="35" t="s">
        <v>7718</v>
      </c>
      <c r="G746" s="32" t="s">
        <v>7004</v>
      </c>
      <c r="H746" s="35" t="s">
        <v>7719</v>
      </c>
      <c r="I746" s="35" t="s">
        <v>4771</v>
      </c>
      <c r="J746" s="18"/>
      <c r="K746" s="18"/>
      <c r="L746" s="35" t="s">
        <v>2590</v>
      </c>
      <c r="M746" s="17" t="s">
        <v>3671</v>
      </c>
      <c r="N746" s="16" t="s">
        <v>7720</v>
      </c>
      <c r="O746" s="19">
        <v>1967</v>
      </c>
      <c r="P746" s="19">
        <v>1</v>
      </c>
      <c r="Q746" s="49"/>
      <c r="R746" s="23">
        <v>45065</v>
      </c>
    </row>
    <row r="747" spans="1:18" s="33" customFormat="1" ht="14.25" customHeight="1" x14ac:dyDescent="0.2">
      <c r="A747" s="42" t="s">
        <v>8466</v>
      </c>
      <c r="B747" s="10" t="s">
        <v>7536</v>
      </c>
      <c r="C747" s="16">
        <v>2</v>
      </c>
      <c r="D747" s="16">
        <v>512</v>
      </c>
      <c r="E747" s="16">
        <v>1504</v>
      </c>
      <c r="F747" s="35" t="s">
        <v>7721</v>
      </c>
      <c r="G747" s="32" t="s">
        <v>6994</v>
      </c>
      <c r="H747" s="35" t="s">
        <v>7575</v>
      </c>
      <c r="I747" s="35" t="s">
        <v>7722</v>
      </c>
      <c r="J747" s="18"/>
      <c r="K747" s="18"/>
      <c r="L747" s="35" t="s">
        <v>2580</v>
      </c>
      <c r="M747" s="17" t="s">
        <v>3661</v>
      </c>
      <c r="N747" s="16" t="s">
        <v>7723</v>
      </c>
      <c r="O747" s="19">
        <v>1971</v>
      </c>
      <c r="P747" s="19">
        <v>1</v>
      </c>
      <c r="Q747" s="49"/>
      <c r="R747" s="23">
        <v>45065</v>
      </c>
    </row>
    <row r="748" spans="1:18" s="33" customFormat="1" ht="13.95" customHeight="1" x14ac:dyDescent="0.2">
      <c r="A748" s="42" t="s">
        <v>10091</v>
      </c>
      <c r="B748" s="10" t="s">
        <v>7536</v>
      </c>
      <c r="C748" s="16">
        <v>2</v>
      </c>
      <c r="D748" s="16">
        <v>512</v>
      </c>
      <c r="E748" s="16">
        <v>1504</v>
      </c>
      <c r="F748" s="35" t="s">
        <v>7724</v>
      </c>
      <c r="G748" s="32" t="s">
        <v>7005</v>
      </c>
      <c r="H748" s="35" t="s">
        <v>7565</v>
      </c>
      <c r="I748" s="35" t="s">
        <v>7725</v>
      </c>
      <c r="J748" s="18"/>
      <c r="K748" s="18"/>
      <c r="L748" s="35" t="s">
        <v>2591</v>
      </c>
      <c r="M748" s="17" t="s">
        <v>3672</v>
      </c>
      <c r="N748" s="16" t="s">
        <v>7726</v>
      </c>
      <c r="O748" s="19">
        <v>1971</v>
      </c>
      <c r="P748" s="19">
        <v>1</v>
      </c>
      <c r="Q748" s="49"/>
      <c r="R748" s="23">
        <v>45065</v>
      </c>
    </row>
    <row r="749" spans="1:18" s="33" customFormat="1" ht="14.25" customHeight="1" x14ac:dyDescent="0.2">
      <c r="A749" s="42" t="s">
        <v>10092</v>
      </c>
      <c r="B749" s="10" t="s">
        <v>7536</v>
      </c>
      <c r="C749" s="16">
        <v>2</v>
      </c>
      <c r="D749" s="16">
        <v>512</v>
      </c>
      <c r="E749" s="16">
        <v>1504</v>
      </c>
      <c r="F749" s="35" t="s">
        <v>7727</v>
      </c>
      <c r="G749" s="32" t="s">
        <v>7006</v>
      </c>
      <c r="H749" s="35" t="s">
        <v>7728</v>
      </c>
      <c r="I749" s="35" t="s">
        <v>7729</v>
      </c>
      <c r="J749" s="18"/>
      <c r="K749" s="18"/>
      <c r="L749" s="35" t="s">
        <v>2592</v>
      </c>
      <c r="M749" s="17" t="s">
        <v>3673</v>
      </c>
      <c r="N749" s="16" t="s">
        <v>7730</v>
      </c>
      <c r="O749" s="19">
        <v>1973</v>
      </c>
      <c r="P749" s="19">
        <v>1</v>
      </c>
      <c r="Q749" s="49"/>
      <c r="R749" s="23">
        <v>45065</v>
      </c>
    </row>
    <row r="750" spans="1:18" ht="14.25" customHeight="1" x14ac:dyDescent="0.2">
      <c r="A750" s="42" t="s">
        <v>8896</v>
      </c>
      <c r="B750" s="10" t="s">
        <v>7536</v>
      </c>
      <c r="C750" s="16">
        <v>2</v>
      </c>
      <c r="D750" s="16">
        <v>512</v>
      </c>
      <c r="E750" s="16">
        <v>1504</v>
      </c>
      <c r="F750" s="35" t="s">
        <v>7731</v>
      </c>
      <c r="G750" s="32" t="s">
        <v>6995</v>
      </c>
      <c r="H750" s="35" t="s">
        <v>7732</v>
      </c>
      <c r="I750" s="35" t="s">
        <v>7733</v>
      </c>
      <c r="J750" s="18"/>
      <c r="K750" s="18"/>
      <c r="L750" s="35" t="s">
        <v>2581</v>
      </c>
      <c r="M750" s="17" t="s">
        <v>3662</v>
      </c>
      <c r="N750" s="16" t="s">
        <v>7734</v>
      </c>
      <c r="O750" s="19">
        <v>1974</v>
      </c>
      <c r="P750" s="19">
        <v>1</v>
      </c>
      <c r="Q750" s="49"/>
      <c r="R750" s="23">
        <v>45065</v>
      </c>
    </row>
    <row r="751" spans="1:18" ht="14.25" customHeight="1" x14ac:dyDescent="0.2">
      <c r="A751" s="42" t="s">
        <v>10093</v>
      </c>
      <c r="B751" s="10" t="s">
        <v>7536</v>
      </c>
      <c r="C751" s="16">
        <v>2</v>
      </c>
      <c r="D751" s="16">
        <v>512</v>
      </c>
      <c r="E751" s="16">
        <v>1504</v>
      </c>
      <c r="F751" s="35" t="s">
        <v>7735</v>
      </c>
      <c r="G751" s="32" t="s">
        <v>6996</v>
      </c>
      <c r="H751" s="35" t="s">
        <v>7736</v>
      </c>
      <c r="I751" s="35" t="s">
        <v>7737</v>
      </c>
      <c r="J751" s="18"/>
      <c r="K751" s="18"/>
      <c r="L751" s="35" t="s">
        <v>2582</v>
      </c>
      <c r="M751" s="17" t="s">
        <v>3663</v>
      </c>
      <c r="N751" s="16" t="s">
        <v>7738</v>
      </c>
      <c r="O751" s="19">
        <v>1975</v>
      </c>
      <c r="P751" s="19">
        <v>1</v>
      </c>
      <c r="Q751" s="49"/>
      <c r="R751" s="23">
        <v>45065</v>
      </c>
    </row>
    <row r="752" spans="1:18" ht="14.25" customHeight="1" x14ac:dyDescent="0.2">
      <c r="A752" s="42" t="s">
        <v>8890</v>
      </c>
      <c r="B752" s="10" t="s">
        <v>7536</v>
      </c>
      <c r="C752" s="16">
        <v>2</v>
      </c>
      <c r="D752" s="16">
        <v>512</v>
      </c>
      <c r="E752" s="16">
        <v>1504</v>
      </c>
      <c r="F752" s="35" t="s">
        <v>7739</v>
      </c>
      <c r="G752" s="32" t="s">
        <v>7007</v>
      </c>
      <c r="H752" s="35" t="s">
        <v>7614</v>
      </c>
      <c r="I752" s="35" t="s">
        <v>7740</v>
      </c>
      <c r="J752" s="18"/>
      <c r="K752" s="18"/>
      <c r="L752" s="35" t="s">
        <v>2593</v>
      </c>
      <c r="M752" s="17" t="s">
        <v>3674</v>
      </c>
      <c r="N752" s="16" t="s">
        <v>7741</v>
      </c>
      <c r="O752" s="19">
        <v>1975</v>
      </c>
      <c r="P752" s="19">
        <v>1</v>
      </c>
      <c r="Q752" s="49"/>
      <c r="R752" s="23">
        <v>45065</v>
      </c>
    </row>
    <row r="753" spans="1:18" ht="14.25" customHeight="1" x14ac:dyDescent="0.2">
      <c r="A753" s="42" t="s">
        <v>10094</v>
      </c>
      <c r="B753" s="10" t="s">
        <v>7536</v>
      </c>
      <c r="C753" s="16">
        <v>2</v>
      </c>
      <c r="D753" s="16">
        <v>512</v>
      </c>
      <c r="E753" s="16">
        <v>1504</v>
      </c>
      <c r="F753" s="35" t="s">
        <v>7742</v>
      </c>
      <c r="G753" s="32" t="s">
        <v>7008</v>
      </c>
      <c r="H753" s="35" t="s">
        <v>7609</v>
      </c>
      <c r="I753" s="35" t="s">
        <v>7743</v>
      </c>
      <c r="J753" s="18"/>
      <c r="K753" s="18"/>
      <c r="L753" s="35" t="s">
        <v>2594</v>
      </c>
      <c r="M753" s="17" t="s">
        <v>3675</v>
      </c>
      <c r="N753" s="16" t="s">
        <v>7744</v>
      </c>
      <c r="O753" s="19">
        <v>1976</v>
      </c>
      <c r="P753" s="19">
        <v>1</v>
      </c>
      <c r="Q753" s="49"/>
      <c r="R753" s="23">
        <v>45065</v>
      </c>
    </row>
    <row r="754" spans="1:18" ht="14.25" customHeight="1" x14ac:dyDescent="0.2">
      <c r="A754" s="42" t="s">
        <v>10095</v>
      </c>
      <c r="B754" s="10" t="s">
        <v>7536</v>
      </c>
      <c r="C754" s="16">
        <v>2</v>
      </c>
      <c r="D754" s="16">
        <v>512</v>
      </c>
      <c r="E754" s="16">
        <v>1504</v>
      </c>
      <c r="F754" s="35" t="s">
        <v>7745</v>
      </c>
      <c r="G754" s="32" t="s">
        <v>7009</v>
      </c>
      <c r="H754" s="35" t="s">
        <v>7606</v>
      </c>
      <c r="I754" s="35" t="s">
        <v>7746</v>
      </c>
      <c r="J754" s="18"/>
      <c r="K754" s="18"/>
      <c r="L754" s="35" t="s">
        <v>2595</v>
      </c>
      <c r="M754" s="17" t="s">
        <v>3676</v>
      </c>
      <c r="N754" s="16" t="s">
        <v>7747</v>
      </c>
      <c r="O754" s="19">
        <v>1977</v>
      </c>
      <c r="P754" s="19">
        <v>1</v>
      </c>
      <c r="Q754" s="49"/>
      <c r="R754" s="23">
        <v>45065</v>
      </c>
    </row>
    <row r="755" spans="1:18" ht="14.25" customHeight="1" x14ac:dyDescent="0.2">
      <c r="A755" s="42" t="s">
        <v>10096</v>
      </c>
      <c r="B755" s="10" t="s">
        <v>7536</v>
      </c>
      <c r="C755" s="16">
        <v>2</v>
      </c>
      <c r="D755" s="16">
        <v>512</v>
      </c>
      <c r="E755" s="16">
        <v>1504</v>
      </c>
      <c r="F755" s="35" t="s">
        <v>7748</v>
      </c>
      <c r="G755" s="32" t="s">
        <v>6997</v>
      </c>
      <c r="H755" s="35" t="s">
        <v>7572</v>
      </c>
      <c r="I755" s="35" t="s">
        <v>7749</v>
      </c>
      <c r="J755" s="18"/>
      <c r="K755" s="18"/>
      <c r="L755" s="35" t="s">
        <v>2583</v>
      </c>
      <c r="M755" s="17" t="s">
        <v>3664</v>
      </c>
      <c r="N755" s="16" t="s">
        <v>7750</v>
      </c>
      <c r="O755" s="19">
        <v>1978</v>
      </c>
      <c r="P755" s="19">
        <v>1</v>
      </c>
      <c r="Q755" s="49"/>
      <c r="R755" s="23">
        <v>45065</v>
      </c>
    </row>
    <row r="756" spans="1:18" ht="14.25" customHeight="1" x14ac:dyDescent="0.2">
      <c r="A756" s="42" t="s">
        <v>10097</v>
      </c>
      <c r="B756" s="10" t="s">
        <v>7536</v>
      </c>
      <c r="C756" s="16">
        <v>2</v>
      </c>
      <c r="D756" s="16">
        <v>512</v>
      </c>
      <c r="E756" s="16">
        <v>1504</v>
      </c>
      <c r="F756" s="35" t="s">
        <v>7751</v>
      </c>
      <c r="G756" s="32" t="s">
        <v>7010</v>
      </c>
      <c r="H756" s="35" t="s">
        <v>7752</v>
      </c>
      <c r="I756" s="35" t="s">
        <v>7753</v>
      </c>
      <c r="J756" s="18"/>
      <c r="K756" s="18"/>
      <c r="L756" s="35" t="s">
        <v>2596</v>
      </c>
      <c r="M756" s="17" t="s">
        <v>3677</v>
      </c>
      <c r="N756" s="16" t="s">
        <v>7754</v>
      </c>
      <c r="O756" s="19">
        <v>1979</v>
      </c>
      <c r="P756" s="19">
        <v>1</v>
      </c>
      <c r="Q756" s="49"/>
      <c r="R756" s="23">
        <v>45065</v>
      </c>
    </row>
    <row r="757" spans="1:18" ht="14.25" customHeight="1" x14ac:dyDescent="0.2">
      <c r="A757" s="42" t="s">
        <v>10098</v>
      </c>
      <c r="B757" s="10" t="s">
        <v>7536</v>
      </c>
      <c r="C757" s="16">
        <v>2</v>
      </c>
      <c r="D757" s="16">
        <v>512</v>
      </c>
      <c r="E757" s="16">
        <v>1504</v>
      </c>
      <c r="F757" s="35" t="s">
        <v>7755</v>
      </c>
      <c r="G757" s="32" t="s">
        <v>6998</v>
      </c>
      <c r="H757" s="35" t="s">
        <v>7641</v>
      </c>
      <c r="I757" s="35" t="s">
        <v>7756</v>
      </c>
      <c r="J757" s="18"/>
      <c r="K757" s="18"/>
      <c r="L757" s="35" t="s">
        <v>2584</v>
      </c>
      <c r="M757" s="17" t="s">
        <v>3665</v>
      </c>
      <c r="N757" s="16" t="s">
        <v>7757</v>
      </c>
      <c r="O757" s="19">
        <v>1980</v>
      </c>
      <c r="P757" s="19">
        <v>1</v>
      </c>
      <c r="Q757" s="49"/>
      <c r="R757" s="23">
        <v>45065</v>
      </c>
    </row>
    <row r="758" spans="1:18" ht="14.25" customHeight="1" x14ac:dyDescent="0.2">
      <c r="A758" s="42" t="s">
        <v>8891</v>
      </c>
      <c r="B758" s="10" t="s">
        <v>7536</v>
      </c>
      <c r="C758" s="16">
        <v>2</v>
      </c>
      <c r="D758" s="16">
        <v>512</v>
      </c>
      <c r="E758" s="16">
        <v>1504</v>
      </c>
      <c r="F758" s="35" t="s">
        <v>7758</v>
      </c>
      <c r="G758" s="32" t="s">
        <v>6982</v>
      </c>
      <c r="H758" s="35" t="s">
        <v>5832</v>
      </c>
      <c r="I758" s="35" t="s">
        <v>7759</v>
      </c>
      <c r="J758" s="18"/>
      <c r="K758" s="18"/>
      <c r="L758" s="35" t="s">
        <v>2567</v>
      </c>
      <c r="M758" s="17" t="s">
        <v>3648</v>
      </c>
      <c r="N758" s="16" t="s">
        <v>7760</v>
      </c>
      <c r="O758" s="19">
        <v>1980</v>
      </c>
      <c r="P758" s="19">
        <v>1</v>
      </c>
      <c r="Q758" s="49"/>
      <c r="R758" s="23">
        <v>45065</v>
      </c>
    </row>
    <row r="759" spans="1:18" ht="14.25" customHeight="1" x14ac:dyDescent="0.2">
      <c r="A759" s="42" t="s">
        <v>10099</v>
      </c>
      <c r="B759" s="10" t="s">
        <v>7536</v>
      </c>
      <c r="C759" s="16">
        <v>2</v>
      </c>
      <c r="D759" s="16">
        <v>512</v>
      </c>
      <c r="E759" s="16">
        <v>1504</v>
      </c>
      <c r="F759" s="35" t="s">
        <v>7761</v>
      </c>
      <c r="G759" s="32" t="s">
        <v>6999</v>
      </c>
      <c r="H759" s="35" t="s">
        <v>7544</v>
      </c>
      <c r="I759" s="35" t="s">
        <v>4769</v>
      </c>
      <c r="J759" s="18"/>
      <c r="K759" s="18"/>
      <c r="L759" s="35" t="s">
        <v>2585</v>
      </c>
      <c r="M759" s="17" t="s">
        <v>3666</v>
      </c>
      <c r="N759" s="16" t="s">
        <v>7762</v>
      </c>
      <c r="O759" s="19">
        <v>1981</v>
      </c>
      <c r="P759" s="19">
        <v>1</v>
      </c>
      <c r="Q759" s="49"/>
      <c r="R759" s="23">
        <v>45065</v>
      </c>
    </row>
    <row r="760" spans="1:18" ht="14.25" customHeight="1" x14ac:dyDescent="0.2">
      <c r="A760" s="42" t="s">
        <v>10100</v>
      </c>
      <c r="B760" s="10" t="s">
        <v>7536</v>
      </c>
      <c r="C760" s="16">
        <v>2</v>
      </c>
      <c r="D760" s="16">
        <v>512</v>
      </c>
      <c r="E760" s="16">
        <v>1504</v>
      </c>
      <c r="F760" s="35" t="s">
        <v>7763</v>
      </c>
      <c r="G760" s="32" t="s">
        <v>7000</v>
      </c>
      <c r="H760" s="35" t="s">
        <v>7668</v>
      </c>
      <c r="I760" s="35" t="s">
        <v>7764</v>
      </c>
      <c r="J760" s="18"/>
      <c r="K760" s="18"/>
      <c r="L760" s="35" t="s">
        <v>2586</v>
      </c>
      <c r="M760" s="17" t="s">
        <v>3667</v>
      </c>
      <c r="N760" s="16" t="s">
        <v>7765</v>
      </c>
      <c r="O760" s="19">
        <v>1983</v>
      </c>
      <c r="P760" s="19">
        <v>1</v>
      </c>
      <c r="Q760" s="49"/>
      <c r="R760" s="23">
        <v>45065</v>
      </c>
    </row>
    <row r="761" spans="1:18" ht="14.25" customHeight="1" x14ac:dyDescent="0.2">
      <c r="A761" s="42" t="s">
        <v>8892</v>
      </c>
      <c r="B761" s="10" t="s">
        <v>7536</v>
      </c>
      <c r="C761" s="16">
        <v>2</v>
      </c>
      <c r="D761" s="16">
        <v>512</v>
      </c>
      <c r="E761" s="16">
        <v>1504</v>
      </c>
      <c r="F761" s="35" t="s">
        <v>7766</v>
      </c>
      <c r="G761" s="32" t="s">
        <v>7011</v>
      </c>
      <c r="H761" s="35" t="s">
        <v>7609</v>
      </c>
      <c r="I761" s="35" t="s">
        <v>4772</v>
      </c>
      <c r="J761" s="18"/>
      <c r="K761" s="18"/>
      <c r="L761" s="35" t="s">
        <v>2597</v>
      </c>
      <c r="M761" s="17" t="s">
        <v>3678</v>
      </c>
      <c r="N761" s="16" t="s">
        <v>7767</v>
      </c>
      <c r="O761" s="19">
        <v>1983</v>
      </c>
      <c r="P761" s="19">
        <v>1</v>
      </c>
      <c r="Q761" s="49"/>
      <c r="R761" s="23">
        <v>45065</v>
      </c>
    </row>
    <row r="762" spans="1:18" ht="14.25" customHeight="1" x14ac:dyDescent="0.2">
      <c r="A762" s="42" t="s">
        <v>10101</v>
      </c>
      <c r="B762" s="10" t="s">
        <v>7536</v>
      </c>
      <c r="C762" s="16">
        <v>2</v>
      </c>
      <c r="D762" s="16">
        <v>512</v>
      </c>
      <c r="E762" s="16">
        <v>1504</v>
      </c>
      <c r="F762" s="35" t="s">
        <v>7768</v>
      </c>
      <c r="G762" s="32" t="s">
        <v>7001</v>
      </c>
      <c r="H762" s="35" t="s">
        <v>7769</v>
      </c>
      <c r="I762" s="35" t="s">
        <v>7770</v>
      </c>
      <c r="J762" s="18"/>
      <c r="K762" s="18"/>
      <c r="L762" s="35" t="s">
        <v>2587</v>
      </c>
      <c r="M762" s="17" t="s">
        <v>3668</v>
      </c>
      <c r="N762" s="16" t="s">
        <v>7771</v>
      </c>
      <c r="O762" s="19">
        <v>1983</v>
      </c>
      <c r="P762" s="19">
        <v>1</v>
      </c>
      <c r="Q762" s="49"/>
      <c r="R762" s="23">
        <v>45065</v>
      </c>
    </row>
    <row r="763" spans="1:18" ht="14.25" customHeight="1" x14ac:dyDescent="0.2">
      <c r="A763" s="42" t="s">
        <v>8467</v>
      </c>
      <c r="B763" s="10" t="s">
        <v>7536</v>
      </c>
      <c r="C763" s="16">
        <v>2</v>
      </c>
      <c r="D763" s="16">
        <v>512</v>
      </c>
      <c r="E763" s="16">
        <v>1504</v>
      </c>
      <c r="F763" s="35" t="s">
        <v>7772</v>
      </c>
      <c r="G763" s="32" t="s">
        <v>6983</v>
      </c>
      <c r="H763" s="35" t="s">
        <v>7620</v>
      </c>
      <c r="I763" s="35" t="s">
        <v>4761</v>
      </c>
      <c r="J763" s="18"/>
      <c r="K763" s="18"/>
      <c r="L763" s="35" t="s">
        <v>2568</v>
      </c>
      <c r="M763" s="17" t="s">
        <v>3649</v>
      </c>
      <c r="N763" s="16" t="s">
        <v>7773</v>
      </c>
      <c r="O763" s="19">
        <v>1984</v>
      </c>
      <c r="P763" s="19">
        <v>1</v>
      </c>
      <c r="Q763" s="49"/>
      <c r="R763" s="23">
        <v>45065</v>
      </c>
    </row>
    <row r="764" spans="1:18" ht="14.25" customHeight="1" x14ac:dyDescent="0.2">
      <c r="A764" s="42" t="s">
        <v>10102</v>
      </c>
      <c r="B764" s="10" t="s">
        <v>7536</v>
      </c>
      <c r="C764" s="16">
        <v>2</v>
      </c>
      <c r="D764" s="16">
        <v>512</v>
      </c>
      <c r="E764" s="16">
        <v>1504</v>
      </c>
      <c r="F764" s="35" t="s">
        <v>7774</v>
      </c>
      <c r="G764" s="32" t="s">
        <v>7012</v>
      </c>
      <c r="H764" s="35" t="s">
        <v>7775</v>
      </c>
      <c r="I764" s="35" t="s">
        <v>7776</v>
      </c>
      <c r="J764" s="18"/>
      <c r="K764" s="18"/>
      <c r="L764" s="35" t="s">
        <v>2598</v>
      </c>
      <c r="M764" s="17" t="s">
        <v>3679</v>
      </c>
      <c r="N764" s="16" t="s">
        <v>7777</v>
      </c>
      <c r="O764" s="19">
        <v>1984</v>
      </c>
      <c r="P764" s="19">
        <v>1</v>
      </c>
      <c r="Q764" s="49"/>
      <c r="R764" s="23">
        <v>45065</v>
      </c>
    </row>
    <row r="765" spans="1:18" ht="14.25" customHeight="1" x14ac:dyDescent="0.2">
      <c r="A765" s="42" t="s">
        <v>10103</v>
      </c>
      <c r="B765" s="10" t="s">
        <v>7536</v>
      </c>
      <c r="C765" s="16">
        <v>2</v>
      </c>
      <c r="D765" s="16">
        <v>512</v>
      </c>
      <c r="E765" s="16">
        <v>1504</v>
      </c>
      <c r="F765" s="35" t="s">
        <v>7778</v>
      </c>
      <c r="G765" s="32" t="s">
        <v>7013</v>
      </c>
      <c r="H765" s="35" t="s">
        <v>7565</v>
      </c>
      <c r="I765" s="35" t="s">
        <v>7779</v>
      </c>
      <c r="J765" s="18"/>
      <c r="K765" s="18"/>
      <c r="L765" s="35" t="s">
        <v>2599</v>
      </c>
      <c r="M765" s="17" t="s">
        <v>3680</v>
      </c>
      <c r="N765" s="16" t="s">
        <v>7780</v>
      </c>
      <c r="O765" s="19">
        <v>1985</v>
      </c>
      <c r="P765" s="19">
        <v>1</v>
      </c>
      <c r="Q765" s="49"/>
      <c r="R765" s="23">
        <v>45065</v>
      </c>
    </row>
    <row r="766" spans="1:18" s="29" customFormat="1" ht="14.25" customHeight="1" x14ac:dyDescent="0.2">
      <c r="A766" s="42" t="s">
        <v>10104</v>
      </c>
      <c r="B766" s="10" t="s">
        <v>7536</v>
      </c>
      <c r="C766" s="16">
        <v>2</v>
      </c>
      <c r="D766" s="16">
        <v>512</v>
      </c>
      <c r="E766" s="16">
        <v>1504</v>
      </c>
      <c r="F766" s="35" t="s">
        <v>7781</v>
      </c>
      <c r="G766" s="32" t="s">
        <v>6984</v>
      </c>
      <c r="H766" s="35" t="s">
        <v>831</v>
      </c>
      <c r="I766" s="35" t="s">
        <v>7782</v>
      </c>
      <c r="J766" s="18"/>
      <c r="K766" s="18"/>
      <c r="L766" s="35" t="s">
        <v>2569</v>
      </c>
      <c r="M766" s="17" t="s">
        <v>3650</v>
      </c>
      <c r="N766" s="16" t="s">
        <v>7783</v>
      </c>
      <c r="O766" s="19">
        <v>1947</v>
      </c>
      <c r="P766" s="19">
        <v>1</v>
      </c>
      <c r="Q766" s="49"/>
      <c r="R766" s="23">
        <v>45065</v>
      </c>
    </row>
    <row r="767" spans="1:18" s="29" customFormat="1" ht="14.25" customHeight="1" x14ac:dyDescent="0.2">
      <c r="A767" s="42" t="s">
        <v>8893</v>
      </c>
      <c r="B767" s="10" t="s">
        <v>7536</v>
      </c>
      <c r="C767" s="16">
        <v>2</v>
      </c>
      <c r="D767" s="16">
        <v>512</v>
      </c>
      <c r="E767" s="16">
        <v>1504</v>
      </c>
      <c r="F767" s="35" t="s">
        <v>7784</v>
      </c>
      <c r="G767" s="32" t="s">
        <v>6985</v>
      </c>
      <c r="H767" s="35" t="s">
        <v>7785</v>
      </c>
      <c r="I767" s="35" t="s">
        <v>7786</v>
      </c>
      <c r="J767" s="18"/>
      <c r="K767" s="18"/>
      <c r="L767" s="35" t="s">
        <v>2570</v>
      </c>
      <c r="M767" s="17" t="s">
        <v>3651</v>
      </c>
      <c r="N767" s="16" t="s">
        <v>7787</v>
      </c>
      <c r="O767" s="19">
        <v>1986</v>
      </c>
      <c r="P767" s="19">
        <v>1</v>
      </c>
      <c r="Q767" s="49"/>
      <c r="R767" s="23">
        <v>45065</v>
      </c>
    </row>
    <row r="768" spans="1:18" s="29" customFormat="1" ht="14.25" customHeight="1" x14ac:dyDescent="0.2">
      <c r="A768" s="42" t="s">
        <v>10105</v>
      </c>
      <c r="B768" s="10" t="s">
        <v>7536</v>
      </c>
      <c r="C768" s="16">
        <v>2</v>
      </c>
      <c r="D768" s="16">
        <v>512</v>
      </c>
      <c r="E768" s="16">
        <v>1504</v>
      </c>
      <c r="F768" s="35" t="s">
        <v>7788</v>
      </c>
      <c r="G768" s="32" t="s">
        <v>6986</v>
      </c>
      <c r="H768" s="35" t="s">
        <v>7677</v>
      </c>
      <c r="I768" s="35" t="s">
        <v>4762</v>
      </c>
      <c r="J768" s="18"/>
      <c r="K768" s="18"/>
      <c r="L768" s="35" t="s">
        <v>2571</v>
      </c>
      <c r="M768" s="17" t="s">
        <v>3652</v>
      </c>
      <c r="N768" s="16" t="s">
        <v>7789</v>
      </c>
      <c r="O768" s="19">
        <v>1947</v>
      </c>
      <c r="P768" s="19">
        <v>1</v>
      </c>
      <c r="Q768" s="49"/>
      <c r="R768" s="23">
        <v>45065</v>
      </c>
    </row>
    <row r="769" spans="1:18" s="29" customFormat="1" ht="14.25" customHeight="1" x14ac:dyDescent="0.2">
      <c r="A769" s="42" t="s">
        <v>8894</v>
      </c>
      <c r="B769" s="10" t="s">
        <v>7536</v>
      </c>
      <c r="C769" s="16">
        <v>2</v>
      </c>
      <c r="D769" s="16">
        <v>512</v>
      </c>
      <c r="E769" s="16">
        <v>1504</v>
      </c>
      <c r="F769" s="35" t="s">
        <v>7790</v>
      </c>
      <c r="G769" s="32" t="s">
        <v>6987</v>
      </c>
      <c r="H769" s="35" t="s">
        <v>7681</v>
      </c>
      <c r="I769" s="35" t="s">
        <v>4763</v>
      </c>
      <c r="J769" s="18"/>
      <c r="K769" s="18"/>
      <c r="L769" s="35" t="s">
        <v>2572</v>
      </c>
      <c r="M769" s="17" t="s">
        <v>3653</v>
      </c>
      <c r="N769" s="16" t="s">
        <v>7791</v>
      </c>
      <c r="O769" s="19">
        <v>1947</v>
      </c>
      <c r="P769" s="19">
        <v>1</v>
      </c>
      <c r="Q769" s="49"/>
      <c r="R769" s="23">
        <v>45065</v>
      </c>
    </row>
    <row r="770" spans="1:18" s="29" customFormat="1" ht="14.25" customHeight="1" x14ac:dyDescent="0.2">
      <c r="A770" s="42" t="s">
        <v>10106</v>
      </c>
      <c r="B770" s="10" t="s">
        <v>7536</v>
      </c>
      <c r="C770" s="16">
        <v>2</v>
      </c>
      <c r="D770" s="16">
        <v>512</v>
      </c>
      <c r="E770" s="16">
        <v>1504</v>
      </c>
      <c r="F770" s="35" t="s">
        <v>7792</v>
      </c>
      <c r="G770" s="32" t="s">
        <v>6988</v>
      </c>
      <c r="H770" s="35" t="s">
        <v>7687</v>
      </c>
      <c r="I770" s="35" t="s">
        <v>4765</v>
      </c>
      <c r="J770" s="18"/>
      <c r="K770" s="18"/>
      <c r="L770" s="35" t="s">
        <v>2574</v>
      </c>
      <c r="M770" s="17" t="s">
        <v>3655</v>
      </c>
      <c r="N770" s="16" t="s">
        <v>7793</v>
      </c>
      <c r="O770" s="19">
        <v>1947</v>
      </c>
      <c r="P770" s="19">
        <v>1</v>
      </c>
      <c r="Q770" s="49"/>
      <c r="R770" s="23">
        <v>45065</v>
      </c>
    </row>
    <row r="771" spans="1:18" s="29" customFormat="1" ht="14.25" customHeight="1" x14ac:dyDescent="0.2">
      <c r="A771" s="42" t="s">
        <v>10107</v>
      </c>
      <c r="B771" s="10" t="s">
        <v>7536</v>
      </c>
      <c r="C771" s="16">
        <v>2</v>
      </c>
      <c r="D771" s="16">
        <v>512</v>
      </c>
      <c r="E771" s="16">
        <v>1504</v>
      </c>
      <c r="F771" s="35" t="s">
        <v>7794</v>
      </c>
      <c r="G771" s="32" t="s">
        <v>6989</v>
      </c>
      <c r="H771" s="35" t="s">
        <v>7691</v>
      </c>
      <c r="I771" s="35" t="s">
        <v>4766</v>
      </c>
      <c r="J771" s="18"/>
      <c r="K771" s="18"/>
      <c r="L771" s="35" t="s">
        <v>2575</v>
      </c>
      <c r="M771" s="17" t="s">
        <v>3656</v>
      </c>
      <c r="N771" s="16" t="s">
        <v>7795</v>
      </c>
      <c r="O771" s="19">
        <v>1947</v>
      </c>
      <c r="P771" s="19">
        <v>1</v>
      </c>
      <c r="Q771" s="49"/>
      <c r="R771" s="23">
        <v>45065</v>
      </c>
    </row>
    <row r="772" spans="1:18" s="29" customFormat="1" ht="14.25" customHeight="1" x14ac:dyDescent="0.2">
      <c r="A772" s="42" t="s">
        <v>8895</v>
      </c>
      <c r="B772" s="10" t="s">
        <v>7536</v>
      </c>
      <c r="C772" s="16">
        <v>2</v>
      </c>
      <c r="D772" s="16">
        <v>512</v>
      </c>
      <c r="E772" s="16">
        <v>1504</v>
      </c>
      <c r="F772" s="35" t="s">
        <v>7796</v>
      </c>
      <c r="G772" s="32" t="s">
        <v>6990</v>
      </c>
      <c r="H772" s="35" t="s">
        <v>7797</v>
      </c>
      <c r="I772" s="35" t="s">
        <v>4767</v>
      </c>
      <c r="J772" s="18"/>
      <c r="K772" s="18"/>
      <c r="L772" s="35" t="s">
        <v>2576</v>
      </c>
      <c r="M772" s="17" t="s">
        <v>3657</v>
      </c>
      <c r="N772" s="16" t="s">
        <v>7798</v>
      </c>
      <c r="O772" s="19">
        <v>1947</v>
      </c>
      <c r="P772" s="19">
        <v>1</v>
      </c>
      <c r="Q772" s="49"/>
      <c r="R772" s="23">
        <v>45065</v>
      </c>
    </row>
    <row r="773" spans="1:18" s="29" customFormat="1" x14ac:dyDescent="0.2">
      <c r="A773" s="42" t="s">
        <v>10108</v>
      </c>
      <c r="B773" s="10" t="s">
        <v>7536</v>
      </c>
      <c r="C773" s="16">
        <v>3</v>
      </c>
      <c r="D773" s="16">
        <v>510</v>
      </c>
      <c r="E773" s="16">
        <v>1502</v>
      </c>
      <c r="F773" s="35" t="s">
        <v>9122</v>
      </c>
      <c r="G773" s="32" t="s">
        <v>10109</v>
      </c>
      <c r="H773" s="35" t="s">
        <v>7686</v>
      </c>
      <c r="I773" s="35" t="s">
        <v>4743</v>
      </c>
      <c r="J773" s="18"/>
      <c r="K773" s="18"/>
      <c r="L773" s="35" t="s">
        <v>9121</v>
      </c>
      <c r="M773" s="17" t="s">
        <v>10110</v>
      </c>
      <c r="N773" s="16" t="s">
        <v>10111</v>
      </c>
      <c r="O773" s="19">
        <v>2020</v>
      </c>
      <c r="P773" s="19">
        <v>1</v>
      </c>
      <c r="Q773" s="49"/>
      <c r="R773" s="23">
        <v>45065</v>
      </c>
    </row>
    <row r="774" spans="1:18" s="29" customFormat="1" x14ac:dyDescent="0.2">
      <c r="A774" s="42" t="s">
        <v>10521</v>
      </c>
      <c r="B774" s="10" t="s">
        <v>10517</v>
      </c>
      <c r="C774" s="16">
        <v>3</v>
      </c>
      <c r="D774" s="16">
        <v>510</v>
      </c>
      <c r="E774" s="16">
        <v>1502</v>
      </c>
      <c r="F774" s="35" t="s">
        <v>10518</v>
      </c>
      <c r="G774" s="32" t="s">
        <v>10519</v>
      </c>
      <c r="H774" s="35" t="s">
        <v>7685</v>
      </c>
      <c r="I774" s="35" t="s">
        <v>4764</v>
      </c>
      <c r="J774" s="18"/>
      <c r="K774" s="18"/>
      <c r="L774" s="35" t="s">
        <v>2573</v>
      </c>
      <c r="M774" s="17" t="s">
        <v>3654</v>
      </c>
      <c r="N774" s="16" t="s">
        <v>10520</v>
      </c>
      <c r="O774" s="19">
        <v>2023</v>
      </c>
      <c r="P774" s="19">
        <v>1</v>
      </c>
      <c r="Q774" s="49"/>
      <c r="R774" s="23">
        <v>45065</v>
      </c>
    </row>
    <row r="775" spans="1:18" ht="14.25" customHeight="1" x14ac:dyDescent="0.2">
      <c r="A775" s="15" t="s">
        <v>8468</v>
      </c>
      <c r="B775" s="10" t="s">
        <v>1808</v>
      </c>
      <c r="C775" s="16">
        <v>1</v>
      </c>
      <c r="D775" s="17">
        <v>511</v>
      </c>
      <c r="E775" s="17">
        <v>1503</v>
      </c>
      <c r="F775" s="25" t="s">
        <v>893</v>
      </c>
      <c r="G775" s="26" t="s">
        <v>7014</v>
      </c>
      <c r="H775" s="25" t="s">
        <v>894</v>
      </c>
      <c r="I775" s="25" t="s">
        <v>4773</v>
      </c>
      <c r="J775" s="51">
        <v>35.315322704000003</v>
      </c>
      <c r="K775" s="51">
        <v>139.61787929600001</v>
      </c>
      <c r="L775" s="25" t="s">
        <v>2600</v>
      </c>
      <c r="M775" s="17" t="s">
        <v>3681</v>
      </c>
      <c r="N775" s="20" t="s">
        <v>5242</v>
      </c>
      <c r="O775" s="19">
        <v>1941</v>
      </c>
      <c r="P775" s="19">
        <v>1</v>
      </c>
      <c r="Q775" s="22"/>
      <c r="R775" s="23">
        <v>44701</v>
      </c>
    </row>
    <row r="776" spans="1:18" ht="14.25" customHeight="1" x14ac:dyDescent="0.2">
      <c r="A776" s="15" t="s">
        <v>8469</v>
      </c>
      <c r="B776" s="10" t="s">
        <v>1808</v>
      </c>
      <c r="C776" s="16">
        <v>1</v>
      </c>
      <c r="D776" s="17">
        <v>511</v>
      </c>
      <c r="E776" s="17">
        <v>1503</v>
      </c>
      <c r="F776" s="25" t="s">
        <v>895</v>
      </c>
      <c r="G776" s="26" t="s">
        <v>7015</v>
      </c>
      <c r="H776" s="25" t="s">
        <v>896</v>
      </c>
      <c r="I776" s="25" t="s">
        <v>4774</v>
      </c>
      <c r="J776" s="51">
        <v>35.316592749000002</v>
      </c>
      <c r="K776" s="51">
        <v>139.63400778600001</v>
      </c>
      <c r="L776" s="25" t="s">
        <v>2601</v>
      </c>
      <c r="M776" s="17" t="s">
        <v>3682</v>
      </c>
      <c r="N776" s="16" t="s">
        <v>5243</v>
      </c>
      <c r="O776" s="19">
        <v>1960</v>
      </c>
      <c r="P776" s="19">
        <v>1</v>
      </c>
      <c r="Q776" s="22"/>
      <c r="R776" s="23">
        <v>44701</v>
      </c>
    </row>
    <row r="777" spans="1:18" ht="14.25" customHeight="1" x14ac:dyDescent="0.2">
      <c r="A777" s="15" t="s">
        <v>8470</v>
      </c>
      <c r="B777" s="10" t="s">
        <v>1808</v>
      </c>
      <c r="C777" s="16">
        <v>1</v>
      </c>
      <c r="D777" s="17">
        <v>511</v>
      </c>
      <c r="E777" s="17">
        <v>1503</v>
      </c>
      <c r="F777" s="25" t="s">
        <v>897</v>
      </c>
      <c r="G777" s="26" t="s">
        <v>7016</v>
      </c>
      <c r="H777" s="25" t="s">
        <v>898</v>
      </c>
      <c r="I777" s="25" t="s">
        <v>4775</v>
      </c>
      <c r="J777" s="51">
        <v>35.313023031</v>
      </c>
      <c r="K777" s="51">
        <v>139.629758189</v>
      </c>
      <c r="L777" s="25" t="s">
        <v>2602</v>
      </c>
      <c r="M777" s="17" t="s">
        <v>3683</v>
      </c>
      <c r="N777" s="16" t="s">
        <v>5244</v>
      </c>
      <c r="O777" s="19">
        <v>1874</v>
      </c>
      <c r="P777" s="19">
        <v>1</v>
      </c>
      <c r="Q777" s="22"/>
      <c r="R777" s="23">
        <v>44701</v>
      </c>
    </row>
    <row r="778" spans="1:18" ht="14.25" customHeight="1" x14ac:dyDescent="0.2">
      <c r="A778" s="15" t="s">
        <v>8471</v>
      </c>
      <c r="B778" s="10" t="s">
        <v>1808</v>
      </c>
      <c r="C778" s="16">
        <v>1</v>
      </c>
      <c r="D778" s="17">
        <v>511</v>
      </c>
      <c r="E778" s="17">
        <v>1503</v>
      </c>
      <c r="F778" s="25" t="s">
        <v>899</v>
      </c>
      <c r="G778" s="26" t="s">
        <v>7017</v>
      </c>
      <c r="H778" s="25" t="s">
        <v>900</v>
      </c>
      <c r="I778" s="25" t="s">
        <v>4776</v>
      </c>
      <c r="J778" s="51">
        <v>35.307583051000002</v>
      </c>
      <c r="K778" s="51">
        <v>139.614300039</v>
      </c>
      <c r="L778" s="25" t="s">
        <v>2603</v>
      </c>
      <c r="M778" s="17" t="s">
        <v>3684</v>
      </c>
      <c r="N778" s="16" t="s">
        <v>5245</v>
      </c>
      <c r="O778" s="19">
        <v>1975</v>
      </c>
      <c r="P778" s="19">
        <v>1</v>
      </c>
      <c r="Q778" s="22"/>
      <c r="R778" s="23">
        <v>44701</v>
      </c>
    </row>
    <row r="779" spans="1:18" ht="14.25" customHeight="1" x14ac:dyDescent="0.2">
      <c r="A779" s="15" t="s">
        <v>8472</v>
      </c>
      <c r="B779" s="10" t="s">
        <v>1808</v>
      </c>
      <c r="C779" s="16">
        <v>1</v>
      </c>
      <c r="D779" s="17">
        <v>511</v>
      </c>
      <c r="E779" s="17">
        <v>1503</v>
      </c>
      <c r="F779" s="25" t="s">
        <v>901</v>
      </c>
      <c r="G779" s="26" t="s">
        <v>7018</v>
      </c>
      <c r="H779" s="25" t="s">
        <v>902</v>
      </c>
      <c r="I779" s="25" t="s">
        <v>4777</v>
      </c>
      <c r="J779" s="51">
        <v>35.300803706000004</v>
      </c>
      <c r="K779" s="51">
        <v>139.62662833499999</v>
      </c>
      <c r="L779" s="25" t="s">
        <v>2604</v>
      </c>
      <c r="M779" s="17" t="s">
        <v>3685</v>
      </c>
      <c r="N779" s="16" t="s">
        <v>5246</v>
      </c>
      <c r="O779" s="19">
        <v>1887</v>
      </c>
      <c r="P779" s="19">
        <v>1</v>
      </c>
      <c r="Q779" s="22"/>
      <c r="R779" s="23">
        <v>44701</v>
      </c>
    </row>
    <row r="780" spans="1:18" ht="14.25" customHeight="1" x14ac:dyDescent="0.2">
      <c r="A780" s="15" t="s">
        <v>8473</v>
      </c>
      <c r="B780" s="10" t="s">
        <v>1808</v>
      </c>
      <c r="C780" s="16">
        <v>1</v>
      </c>
      <c r="D780" s="17">
        <v>511</v>
      </c>
      <c r="E780" s="17">
        <v>1503</v>
      </c>
      <c r="F780" s="25" t="s">
        <v>903</v>
      </c>
      <c r="G780" s="26" t="s">
        <v>7019</v>
      </c>
      <c r="H780" s="25" t="s">
        <v>904</v>
      </c>
      <c r="I780" s="25" t="s">
        <v>4778</v>
      </c>
      <c r="J780" s="51">
        <v>35.290714338000001</v>
      </c>
      <c r="K780" s="51">
        <v>139.63126742200001</v>
      </c>
      <c r="L780" s="25" t="s">
        <v>2605</v>
      </c>
      <c r="M780" s="17" t="s">
        <v>3686</v>
      </c>
      <c r="N780" s="16" t="s">
        <v>5247</v>
      </c>
      <c r="O780" s="19">
        <v>1923</v>
      </c>
      <c r="P780" s="19">
        <v>1</v>
      </c>
      <c r="Q780" s="22"/>
      <c r="R780" s="23">
        <v>44701</v>
      </c>
    </row>
    <row r="781" spans="1:18" ht="14.25" customHeight="1" x14ac:dyDescent="0.2">
      <c r="A781" s="15" t="s">
        <v>8474</v>
      </c>
      <c r="B781" s="10" t="s">
        <v>1808</v>
      </c>
      <c r="C781" s="16">
        <v>1</v>
      </c>
      <c r="D781" s="17">
        <v>511</v>
      </c>
      <c r="E781" s="17">
        <v>1503</v>
      </c>
      <c r="F781" s="25" t="s">
        <v>905</v>
      </c>
      <c r="G781" s="26" t="s">
        <v>7020</v>
      </c>
      <c r="H781" s="25" t="s">
        <v>906</v>
      </c>
      <c r="I781" s="25" t="s">
        <v>4779</v>
      </c>
      <c r="J781" s="51">
        <v>35.288034545000002</v>
      </c>
      <c r="K781" s="51">
        <v>139.64583587000001</v>
      </c>
      <c r="L781" s="25" t="s">
        <v>2606</v>
      </c>
      <c r="M781" s="17" t="s">
        <v>3687</v>
      </c>
      <c r="N781" s="16" t="s">
        <v>5248</v>
      </c>
      <c r="O781" s="19">
        <v>1873</v>
      </c>
      <c r="P781" s="19">
        <v>1</v>
      </c>
      <c r="Q781" s="22"/>
      <c r="R781" s="23">
        <v>44701</v>
      </c>
    </row>
    <row r="782" spans="1:18" ht="14.25" customHeight="1" x14ac:dyDescent="0.2">
      <c r="A782" s="15" t="s">
        <v>8475</v>
      </c>
      <c r="B782" s="10" t="s">
        <v>1808</v>
      </c>
      <c r="C782" s="16">
        <v>1</v>
      </c>
      <c r="D782" s="17">
        <v>511</v>
      </c>
      <c r="E782" s="17">
        <v>1503</v>
      </c>
      <c r="F782" s="25" t="s">
        <v>907</v>
      </c>
      <c r="G782" s="26" t="s">
        <v>7021</v>
      </c>
      <c r="H782" s="25" t="s">
        <v>908</v>
      </c>
      <c r="I782" s="25" t="s">
        <v>4780</v>
      </c>
      <c r="J782" s="51">
        <v>35.283284876000003</v>
      </c>
      <c r="K782" s="51">
        <v>139.64976544699999</v>
      </c>
      <c r="L782" s="25" t="s">
        <v>2607</v>
      </c>
      <c r="M782" s="17" t="s">
        <v>3688</v>
      </c>
      <c r="N782" s="16" t="s">
        <v>5249</v>
      </c>
      <c r="O782" s="19">
        <v>1873</v>
      </c>
      <c r="P782" s="19">
        <v>1</v>
      </c>
      <c r="Q782" s="22"/>
      <c r="R782" s="23">
        <v>44701</v>
      </c>
    </row>
    <row r="783" spans="1:18" ht="14.25" customHeight="1" x14ac:dyDescent="0.2">
      <c r="A783" s="15" t="s">
        <v>8476</v>
      </c>
      <c r="B783" s="10" t="s">
        <v>1808</v>
      </c>
      <c r="C783" s="16">
        <v>1</v>
      </c>
      <c r="D783" s="17">
        <v>511</v>
      </c>
      <c r="E783" s="17">
        <v>1503</v>
      </c>
      <c r="F783" s="25" t="s">
        <v>909</v>
      </c>
      <c r="G783" s="26" t="s">
        <v>7022</v>
      </c>
      <c r="H783" s="25" t="s">
        <v>910</v>
      </c>
      <c r="I783" s="25" t="s">
        <v>4781</v>
      </c>
      <c r="J783" s="51">
        <v>35.274955607999999</v>
      </c>
      <c r="K783" s="51">
        <v>139.65036532900001</v>
      </c>
      <c r="L783" s="25" t="s">
        <v>2608</v>
      </c>
      <c r="M783" s="17" t="s">
        <v>3689</v>
      </c>
      <c r="N783" s="16" t="s">
        <v>5250</v>
      </c>
      <c r="O783" s="19">
        <v>1911</v>
      </c>
      <c r="P783" s="19">
        <v>1</v>
      </c>
      <c r="Q783" s="22"/>
      <c r="R783" s="23">
        <v>44701</v>
      </c>
    </row>
    <row r="784" spans="1:18" ht="14.25" customHeight="1" x14ac:dyDescent="0.2">
      <c r="A784" s="15" t="s">
        <v>8477</v>
      </c>
      <c r="B784" s="10" t="s">
        <v>1808</v>
      </c>
      <c r="C784" s="16">
        <v>1</v>
      </c>
      <c r="D784" s="17">
        <v>511</v>
      </c>
      <c r="E784" s="17">
        <v>1503</v>
      </c>
      <c r="F784" s="25" t="s">
        <v>911</v>
      </c>
      <c r="G784" s="26" t="s">
        <v>7023</v>
      </c>
      <c r="H784" s="25" t="s">
        <v>912</v>
      </c>
      <c r="I784" s="25" t="s">
        <v>4782</v>
      </c>
      <c r="J784" s="51">
        <v>35.272765763999999</v>
      </c>
      <c r="K784" s="51">
        <v>139.657894621</v>
      </c>
      <c r="L784" s="25" t="s">
        <v>2609</v>
      </c>
      <c r="M784" s="17" t="s">
        <v>3690</v>
      </c>
      <c r="N784" s="16" t="s">
        <v>5251</v>
      </c>
      <c r="O784" s="19">
        <v>1999</v>
      </c>
      <c r="P784" s="19">
        <v>1</v>
      </c>
      <c r="Q784" s="22"/>
      <c r="R784" s="23">
        <v>44701</v>
      </c>
    </row>
    <row r="785" spans="1:18" ht="14.25" customHeight="1" x14ac:dyDescent="0.2">
      <c r="A785" s="15" t="s">
        <v>8478</v>
      </c>
      <c r="B785" s="10" t="s">
        <v>1808</v>
      </c>
      <c r="C785" s="16">
        <v>1</v>
      </c>
      <c r="D785" s="17">
        <v>511</v>
      </c>
      <c r="E785" s="17">
        <v>1503</v>
      </c>
      <c r="F785" s="25" t="s">
        <v>913</v>
      </c>
      <c r="G785" s="26" t="s">
        <v>7024</v>
      </c>
      <c r="H785" s="25" t="s">
        <v>914</v>
      </c>
      <c r="I785" s="25" t="s">
        <v>4783</v>
      </c>
      <c r="J785" s="51">
        <v>35.279794934000002</v>
      </c>
      <c r="K785" s="51">
        <v>139.663554167</v>
      </c>
      <c r="L785" s="25" t="s">
        <v>2610</v>
      </c>
      <c r="M785" s="17" t="s">
        <v>3691</v>
      </c>
      <c r="N785" s="16" t="s">
        <v>5252</v>
      </c>
      <c r="O785" s="19">
        <v>1872</v>
      </c>
      <c r="P785" s="19">
        <v>1</v>
      </c>
      <c r="Q785" s="22"/>
      <c r="R785" s="23">
        <v>44701</v>
      </c>
    </row>
    <row r="786" spans="1:18" ht="14.25" customHeight="1" x14ac:dyDescent="0.2">
      <c r="A786" s="15" t="s">
        <v>8479</v>
      </c>
      <c r="B786" s="10" t="s">
        <v>1808</v>
      </c>
      <c r="C786" s="16">
        <v>1</v>
      </c>
      <c r="D786" s="17">
        <v>511</v>
      </c>
      <c r="E786" s="17">
        <v>1503</v>
      </c>
      <c r="F786" s="25" t="s">
        <v>915</v>
      </c>
      <c r="G786" s="26" t="s">
        <v>7025</v>
      </c>
      <c r="H786" s="25" t="s">
        <v>916</v>
      </c>
      <c r="I786" s="25" t="s">
        <v>4784</v>
      </c>
      <c r="J786" s="51">
        <v>35.282635526999997</v>
      </c>
      <c r="K786" s="51">
        <v>139.673409316</v>
      </c>
      <c r="L786" s="25" t="s">
        <v>2611</v>
      </c>
      <c r="M786" s="17" t="s">
        <v>3692</v>
      </c>
      <c r="N786" s="16" t="s">
        <v>5253</v>
      </c>
      <c r="O786" s="19">
        <v>1902</v>
      </c>
      <c r="P786" s="19">
        <v>1</v>
      </c>
      <c r="Q786" s="22"/>
      <c r="R786" s="23">
        <v>44701</v>
      </c>
    </row>
    <row r="787" spans="1:18" ht="14.25" customHeight="1" x14ac:dyDescent="0.2">
      <c r="A787" s="15" t="s">
        <v>8480</v>
      </c>
      <c r="B787" s="10" t="s">
        <v>1808</v>
      </c>
      <c r="C787" s="16">
        <v>1</v>
      </c>
      <c r="D787" s="17">
        <v>511</v>
      </c>
      <c r="E787" s="17">
        <v>1503</v>
      </c>
      <c r="F787" s="25" t="s">
        <v>917</v>
      </c>
      <c r="G787" s="26" t="s">
        <v>7026</v>
      </c>
      <c r="H787" s="25" t="s">
        <v>918</v>
      </c>
      <c r="I787" s="25" t="s">
        <v>4785</v>
      </c>
      <c r="J787" s="51">
        <v>35.274565306</v>
      </c>
      <c r="K787" s="51">
        <v>139.675503107</v>
      </c>
      <c r="L787" s="25" t="s">
        <v>2612</v>
      </c>
      <c r="M787" s="17" t="s">
        <v>3693</v>
      </c>
      <c r="N787" s="16" t="s">
        <v>5254</v>
      </c>
      <c r="O787" s="19">
        <v>1922</v>
      </c>
      <c r="P787" s="19">
        <v>1</v>
      </c>
      <c r="Q787" s="22"/>
      <c r="R787" s="23">
        <v>44701</v>
      </c>
    </row>
    <row r="788" spans="1:18" ht="14.25" customHeight="1" x14ac:dyDescent="0.2">
      <c r="A788" s="15" t="s">
        <v>8481</v>
      </c>
      <c r="B788" s="10" t="s">
        <v>1808</v>
      </c>
      <c r="C788" s="16">
        <v>1</v>
      </c>
      <c r="D788" s="17">
        <v>511</v>
      </c>
      <c r="E788" s="17">
        <v>1503</v>
      </c>
      <c r="F788" s="25" t="s">
        <v>919</v>
      </c>
      <c r="G788" s="26" t="s">
        <v>7027</v>
      </c>
      <c r="H788" s="25" t="s">
        <v>920</v>
      </c>
      <c r="I788" s="25" t="s">
        <v>4786</v>
      </c>
      <c r="J788" s="51">
        <v>35.265826246000003</v>
      </c>
      <c r="K788" s="51">
        <v>139.68264242999999</v>
      </c>
      <c r="L788" s="25" t="s">
        <v>2613</v>
      </c>
      <c r="M788" s="17" t="s">
        <v>3694</v>
      </c>
      <c r="N788" s="16" t="s">
        <v>5255</v>
      </c>
      <c r="O788" s="19">
        <v>1912</v>
      </c>
      <c r="P788" s="19">
        <v>1</v>
      </c>
      <c r="Q788" s="22"/>
      <c r="R788" s="23">
        <v>44701</v>
      </c>
    </row>
    <row r="789" spans="1:18" ht="14.25" customHeight="1" x14ac:dyDescent="0.2">
      <c r="A789" s="15" t="s">
        <v>8482</v>
      </c>
      <c r="B789" s="10" t="s">
        <v>1808</v>
      </c>
      <c r="C789" s="16">
        <v>1</v>
      </c>
      <c r="D789" s="17">
        <v>511</v>
      </c>
      <c r="E789" s="17">
        <v>1503</v>
      </c>
      <c r="F789" s="25" t="s">
        <v>921</v>
      </c>
      <c r="G789" s="26" t="s">
        <v>7028</v>
      </c>
      <c r="H789" s="25" t="s">
        <v>922</v>
      </c>
      <c r="I789" s="25" t="s">
        <v>4787</v>
      </c>
      <c r="J789" s="51">
        <v>35.270475851999997</v>
      </c>
      <c r="K789" s="51">
        <v>139.66951365400001</v>
      </c>
      <c r="L789" s="25" t="s">
        <v>2614</v>
      </c>
      <c r="M789" s="17" t="s">
        <v>3695</v>
      </c>
      <c r="N789" s="16" t="s">
        <v>5256</v>
      </c>
      <c r="O789" s="19">
        <v>1872</v>
      </c>
      <c r="P789" s="19">
        <v>1</v>
      </c>
      <c r="Q789" s="22"/>
      <c r="R789" s="23">
        <v>44701</v>
      </c>
    </row>
    <row r="790" spans="1:18" ht="14.25" customHeight="1" x14ac:dyDescent="0.2">
      <c r="A790" s="15" t="s">
        <v>8483</v>
      </c>
      <c r="B790" s="10" t="s">
        <v>1808</v>
      </c>
      <c r="C790" s="16">
        <v>1</v>
      </c>
      <c r="D790" s="17">
        <v>511</v>
      </c>
      <c r="E790" s="17">
        <v>1503</v>
      </c>
      <c r="F790" s="25" t="s">
        <v>923</v>
      </c>
      <c r="G790" s="26" t="s">
        <v>7029</v>
      </c>
      <c r="H790" s="25" t="s">
        <v>924</v>
      </c>
      <c r="I790" s="25" t="s">
        <v>4788</v>
      </c>
      <c r="J790" s="51">
        <v>35.268196152999998</v>
      </c>
      <c r="K790" s="51">
        <v>139.66714381700001</v>
      </c>
      <c r="L790" s="25" t="s">
        <v>2615</v>
      </c>
      <c r="M790" s="17" t="s">
        <v>3696</v>
      </c>
      <c r="N790" s="16" t="s">
        <v>5257</v>
      </c>
      <c r="O790" s="19">
        <v>1908</v>
      </c>
      <c r="P790" s="19">
        <v>1</v>
      </c>
      <c r="Q790" s="22"/>
      <c r="R790" s="23">
        <v>44701</v>
      </c>
    </row>
    <row r="791" spans="1:18" s="14" customFormat="1" ht="14.25" customHeight="1" x14ac:dyDescent="0.2">
      <c r="A791" s="15" t="s">
        <v>8484</v>
      </c>
      <c r="B791" s="10" t="s">
        <v>1808</v>
      </c>
      <c r="C791" s="16">
        <v>1</v>
      </c>
      <c r="D791" s="17">
        <v>511</v>
      </c>
      <c r="E791" s="17">
        <v>1503</v>
      </c>
      <c r="F791" s="25" t="s">
        <v>925</v>
      </c>
      <c r="G791" s="26" t="s">
        <v>7030</v>
      </c>
      <c r="H791" s="25" t="s">
        <v>926</v>
      </c>
      <c r="I791" s="25" t="s">
        <v>4789</v>
      </c>
      <c r="J791" s="51">
        <v>35.255417538000003</v>
      </c>
      <c r="K791" s="51">
        <v>139.67542293</v>
      </c>
      <c r="L791" s="25" t="s">
        <v>2616</v>
      </c>
      <c r="M791" s="17" t="s">
        <v>3697</v>
      </c>
      <c r="N791" s="16" t="s">
        <v>5258</v>
      </c>
      <c r="O791" s="19">
        <v>1949</v>
      </c>
      <c r="P791" s="19">
        <v>1</v>
      </c>
      <c r="Q791" s="22"/>
      <c r="R791" s="23">
        <v>44701</v>
      </c>
    </row>
    <row r="792" spans="1:18" ht="14.25" customHeight="1" x14ac:dyDescent="0.2">
      <c r="A792" s="15" t="s">
        <v>8485</v>
      </c>
      <c r="B792" s="10" t="s">
        <v>1808</v>
      </c>
      <c r="C792" s="16">
        <v>1</v>
      </c>
      <c r="D792" s="17">
        <v>511</v>
      </c>
      <c r="E792" s="17">
        <v>1503</v>
      </c>
      <c r="F792" s="25" t="s">
        <v>927</v>
      </c>
      <c r="G792" s="26" t="s">
        <v>7031</v>
      </c>
      <c r="H792" s="25" t="s">
        <v>928</v>
      </c>
      <c r="I792" s="25" t="s">
        <v>4790</v>
      </c>
      <c r="J792" s="51">
        <v>35.260207176000002</v>
      </c>
      <c r="K792" s="51">
        <v>139.64750542100001</v>
      </c>
      <c r="L792" s="25" t="s">
        <v>2617</v>
      </c>
      <c r="M792" s="17" t="s">
        <v>3698</v>
      </c>
      <c r="N792" s="16" t="s">
        <v>5259</v>
      </c>
      <c r="O792" s="19">
        <v>1934</v>
      </c>
      <c r="P792" s="19">
        <v>1</v>
      </c>
      <c r="Q792" s="22"/>
      <c r="R792" s="23">
        <v>44701</v>
      </c>
    </row>
    <row r="793" spans="1:18" ht="14.25" customHeight="1" x14ac:dyDescent="0.2">
      <c r="A793" s="15" t="s">
        <v>8486</v>
      </c>
      <c r="B793" s="10" t="s">
        <v>1808</v>
      </c>
      <c r="C793" s="16">
        <v>1</v>
      </c>
      <c r="D793" s="17">
        <v>511</v>
      </c>
      <c r="E793" s="17">
        <v>1503</v>
      </c>
      <c r="F793" s="25" t="s">
        <v>929</v>
      </c>
      <c r="G793" s="26" t="s">
        <v>7032</v>
      </c>
      <c r="H793" s="25" t="s">
        <v>930</v>
      </c>
      <c r="I793" s="25" t="s">
        <v>4791</v>
      </c>
      <c r="J793" s="51">
        <v>35.256177708000003</v>
      </c>
      <c r="K793" s="51">
        <v>139.65640452900001</v>
      </c>
      <c r="L793" s="25" t="s">
        <v>2618</v>
      </c>
      <c r="M793" s="17" t="s">
        <v>3699</v>
      </c>
      <c r="N793" s="16" t="s">
        <v>5260</v>
      </c>
      <c r="O793" s="19">
        <v>1962</v>
      </c>
      <c r="P793" s="19">
        <v>1</v>
      </c>
      <c r="Q793" s="22"/>
      <c r="R793" s="23">
        <v>44701</v>
      </c>
    </row>
    <row r="794" spans="1:18" ht="14.25" customHeight="1" x14ac:dyDescent="0.2">
      <c r="A794" s="15" t="s">
        <v>8487</v>
      </c>
      <c r="B794" s="10" t="s">
        <v>1808</v>
      </c>
      <c r="C794" s="16">
        <v>1</v>
      </c>
      <c r="D794" s="17">
        <v>511</v>
      </c>
      <c r="E794" s="17">
        <v>1503</v>
      </c>
      <c r="F794" s="25" t="s">
        <v>931</v>
      </c>
      <c r="G794" s="26" t="s">
        <v>7033</v>
      </c>
      <c r="H794" s="25" t="s">
        <v>932</v>
      </c>
      <c r="I794" s="25" t="s">
        <v>4792</v>
      </c>
      <c r="J794" s="51">
        <v>35.255107789</v>
      </c>
      <c r="K794" s="51">
        <v>139.663733874</v>
      </c>
      <c r="L794" s="25" t="s">
        <v>2619</v>
      </c>
      <c r="M794" s="17" t="s">
        <v>3700</v>
      </c>
      <c r="N794" s="16" t="s">
        <v>5261</v>
      </c>
      <c r="O794" s="19">
        <v>1873</v>
      </c>
      <c r="P794" s="19">
        <v>1</v>
      </c>
      <c r="Q794" s="22"/>
      <c r="R794" s="23">
        <v>44701</v>
      </c>
    </row>
    <row r="795" spans="1:18" ht="14.25" customHeight="1" x14ac:dyDescent="0.2">
      <c r="A795" s="15" t="s">
        <v>8488</v>
      </c>
      <c r="B795" s="10" t="s">
        <v>1808</v>
      </c>
      <c r="C795" s="16">
        <v>1</v>
      </c>
      <c r="D795" s="17">
        <v>511</v>
      </c>
      <c r="E795" s="17">
        <v>1503</v>
      </c>
      <c r="F795" s="25" t="s">
        <v>933</v>
      </c>
      <c r="G795" s="26" t="s">
        <v>7034</v>
      </c>
      <c r="H795" s="25" t="s">
        <v>934</v>
      </c>
      <c r="I795" s="25" t="s">
        <v>4793</v>
      </c>
      <c r="J795" s="51">
        <v>35.238679410000003</v>
      </c>
      <c r="K795" s="51">
        <v>139.67525290699999</v>
      </c>
      <c r="L795" s="25" t="s">
        <v>2620</v>
      </c>
      <c r="M795" s="17" t="s">
        <v>3701</v>
      </c>
      <c r="N795" s="16" t="s">
        <v>5262</v>
      </c>
      <c r="O795" s="19">
        <v>1980</v>
      </c>
      <c r="P795" s="19">
        <v>1</v>
      </c>
      <c r="Q795" s="22"/>
      <c r="R795" s="23">
        <v>44701</v>
      </c>
    </row>
    <row r="796" spans="1:18" ht="14.25" customHeight="1" x14ac:dyDescent="0.2">
      <c r="A796" s="15" t="s">
        <v>8489</v>
      </c>
      <c r="B796" s="10" t="s">
        <v>1808</v>
      </c>
      <c r="C796" s="16">
        <v>1</v>
      </c>
      <c r="D796" s="17">
        <v>511</v>
      </c>
      <c r="E796" s="17">
        <v>1503</v>
      </c>
      <c r="F796" s="25" t="s">
        <v>935</v>
      </c>
      <c r="G796" s="26" t="s">
        <v>7035</v>
      </c>
      <c r="H796" s="25" t="s">
        <v>936</v>
      </c>
      <c r="I796" s="25" t="s">
        <v>4794</v>
      </c>
      <c r="J796" s="51">
        <v>35.245038643000001</v>
      </c>
      <c r="K796" s="51">
        <v>139.67895256599999</v>
      </c>
      <c r="L796" s="25" t="s">
        <v>2621</v>
      </c>
      <c r="M796" s="17" t="s">
        <v>3702</v>
      </c>
      <c r="N796" s="16" t="s">
        <v>5263</v>
      </c>
      <c r="O796" s="19">
        <v>1970</v>
      </c>
      <c r="P796" s="19">
        <v>1</v>
      </c>
      <c r="Q796" s="22"/>
      <c r="R796" s="23">
        <v>44701</v>
      </c>
    </row>
    <row r="797" spans="1:18" ht="14.25" customHeight="1" x14ac:dyDescent="0.2">
      <c r="A797" s="15" t="s">
        <v>8490</v>
      </c>
      <c r="B797" s="10" t="s">
        <v>1808</v>
      </c>
      <c r="C797" s="16">
        <v>1</v>
      </c>
      <c r="D797" s="17">
        <v>511</v>
      </c>
      <c r="E797" s="17">
        <v>1503</v>
      </c>
      <c r="F797" s="25" t="s">
        <v>937</v>
      </c>
      <c r="G797" s="26" t="s">
        <v>7036</v>
      </c>
      <c r="H797" s="25" t="s">
        <v>938</v>
      </c>
      <c r="I797" s="25" t="s">
        <v>4795</v>
      </c>
      <c r="J797" s="51">
        <v>35.259676808000002</v>
      </c>
      <c r="K797" s="51">
        <v>139.693861422</v>
      </c>
      <c r="L797" s="25" t="s">
        <v>2622</v>
      </c>
      <c r="M797" s="17" t="s">
        <v>3703</v>
      </c>
      <c r="N797" s="16" t="s">
        <v>5264</v>
      </c>
      <c r="O797" s="19">
        <v>1877</v>
      </c>
      <c r="P797" s="19">
        <v>1</v>
      </c>
      <c r="Q797" s="22"/>
      <c r="R797" s="23">
        <v>44701</v>
      </c>
    </row>
    <row r="798" spans="1:18" ht="14.25" customHeight="1" x14ac:dyDescent="0.2">
      <c r="A798" s="15" t="s">
        <v>8491</v>
      </c>
      <c r="B798" s="10" t="s">
        <v>1808</v>
      </c>
      <c r="C798" s="16">
        <v>1</v>
      </c>
      <c r="D798" s="17">
        <v>511</v>
      </c>
      <c r="E798" s="17">
        <v>1503</v>
      </c>
      <c r="F798" s="25" t="s">
        <v>939</v>
      </c>
      <c r="G798" s="26" t="s">
        <v>7037</v>
      </c>
      <c r="H798" s="25" t="s">
        <v>938</v>
      </c>
      <c r="I798" s="25" t="s">
        <v>4796</v>
      </c>
      <c r="J798" s="51">
        <v>35.256947187000002</v>
      </c>
      <c r="K798" s="51">
        <v>139.68644201999999</v>
      </c>
      <c r="L798" s="25" t="s">
        <v>2623</v>
      </c>
      <c r="M798" s="17" t="s">
        <v>3704</v>
      </c>
      <c r="N798" s="16" t="s">
        <v>5265</v>
      </c>
      <c r="O798" s="19">
        <v>1980</v>
      </c>
      <c r="P798" s="19">
        <v>1</v>
      </c>
      <c r="Q798" s="22"/>
      <c r="R798" s="23">
        <v>44701</v>
      </c>
    </row>
    <row r="799" spans="1:18" ht="14.25" customHeight="1" x14ac:dyDescent="0.2">
      <c r="A799" s="15" t="s">
        <v>8492</v>
      </c>
      <c r="B799" s="10" t="s">
        <v>1808</v>
      </c>
      <c r="C799" s="16">
        <v>1</v>
      </c>
      <c r="D799" s="17">
        <v>511</v>
      </c>
      <c r="E799" s="17">
        <v>1503</v>
      </c>
      <c r="F799" s="25" t="s">
        <v>940</v>
      </c>
      <c r="G799" s="26" t="s">
        <v>7038</v>
      </c>
      <c r="H799" s="25" t="s">
        <v>941</v>
      </c>
      <c r="I799" s="25" t="s">
        <v>4797</v>
      </c>
      <c r="J799" s="51">
        <v>35.265096155999998</v>
      </c>
      <c r="K799" s="51">
        <v>139.72898870099999</v>
      </c>
      <c r="L799" s="25" t="s">
        <v>2624</v>
      </c>
      <c r="M799" s="17" t="s">
        <v>3705</v>
      </c>
      <c r="N799" s="16" t="s">
        <v>5266</v>
      </c>
      <c r="O799" s="19">
        <v>1873</v>
      </c>
      <c r="P799" s="19">
        <v>1</v>
      </c>
      <c r="Q799" s="22"/>
      <c r="R799" s="23">
        <v>44701</v>
      </c>
    </row>
    <row r="800" spans="1:18" ht="14.25" customHeight="1" x14ac:dyDescent="0.2">
      <c r="A800" s="15" t="s">
        <v>8493</v>
      </c>
      <c r="B800" s="10" t="s">
        <v>1808</v>
      </c>
      <c r="C800" s="16">
        <v>1</v>
      </c>
      <c r="D800" s="17">
        <v>511</v>
      </c>
      <c r="E800" s="17">
        <v>1503</v>
      </c>
      <c r="F800" s="25" t="s">
        <v>942</v>
      </c>
      <c r="G800" s="26" t="s">
        <v>7039</v>
      </c>
      <c r="H800" s="25" t="s">
        <v>943</v>
      </c>
      <c r="I800" s="25" t="s">
        <v>4798</v>
      </c>
      <c r="J800" s="51">
        <v>35.259706633999997</v>
      </c>
      <c r="K800" s="51">
        <v>139.715039768</v>
      </c>
      <c r="L800" s="25" t="s">
        <v>2625</v>
      </c>
      <c r="M800" s="17" t="s">
        <v>3706</v>
      </c>
      <c r="N800" s="16" t="s">
        <v>5267</v>
      </c>
      <c r="O800" s="19">
        <v>1951</v>
      </c>
      <c r="P800" s="19">
        <v>1</v>
      </c>
      <c r="Q800" s="22"/>
      <c r="R800" s="23">
        <v>44701</v>
      </c>
    </row>
    <row r="801" spans="1:18" ht="14.25" customHeight="1" x14ac:dyDescent="0.2">
      <c r="A801" s="15" t="s">
        <v>8494</v>
      </c>
      <c r="B801" s="10" t="s">
        <v>1808</v>
      </c>
      <c r="C801" s="16">
        <v>1</v>
      </c>
      <c r="D801" s="17">
        <v>511</v>
      </c>
      <c r="E801" s="17">
        <v>1503</v>
      </c>
      <c r="F801" s="25" t="s">
        <v>944</v>
      </c>
      <c r="G801" s="26" t="s">
        <v>7040</v>
      </c>
      <c r="H801" s="25" t="s">
        <v>945</v>
      </c>
      <c r="I801" s="25" t="s">
        <v>4799</v>
      </c>
      <c r="J801" s="51">
        <v>35.254637252999999</v>
      </c>
      <c r="K801" s="51">
        <v>139.70306064900001</v>
      </c>
      <c r="L801" s="25" t="s">
        <v>2626</v>
      </c>
      <c r="M801" s="17" t="s">
        <v>3707</v>
      </c>
      <c r="N801" s="16" t="s">
        <v>5268</v>
      </c>
      <c r="O801" s="19">
        <v>1975</v>
      </c>
      <c r="P801" s="19">
        <v>1</v>
      </c>
      <c r="Q801" s="22"/>
      <c r="R801" s="23">
        <v>44701</v>
      </c>
    </row>
    <row r="802" spans="1:18" ht="14.25" customHeight="1" x14ac:dyDescent="0.2">
      <c r="A802" s="15" t="s">
        <v>8495</v>
      </c>
      <c r="B802" s="10" t="s">
        <v>1808</v>
      </c>
      <c r="C802" s="16">
        <v>1</v>
      </c>
      <c r="D802" s="17">
        <v>511</v>
      </c>
      <c r="E802" s="17">
        <v>1503</v>
      </c>
      <c r="F802" s="25" t="s">
        <v>946</v>
      </c>
      <c r="G802" s="26" t="s">
        <v>7041</v>
      </c>
      <c r="H802" s="25" t="s">
        <v>947</v>
      </c>
      <c r="I802" s="25" t="s">
        <v>4800</v>
      </c>
      <c r="J802" s="51">
        <v>35.245098386000002</v>
      </c>
      <c r="K802" s="51">
        <v>139.69446126899999</v>
      </c>
      <c r="L802" s="25" t="s">
        <v>2627</v>
      </c>
      <c r="M802" s="17" t="s">
        <v>3708</v>
      </c>
      <c r="N802" s="16" t="s">
        <v>5269</v>
      </c>
      <c r="O802" s="19">
        <v>2003</v>
      </c>
      <c r="P802" s="19">
        <v>1</v>
      </c>
      <c r="Q802" s="22"/>
      <c r="R802" s="23">
        <v>44701</v>
      </c>
    </row>
    <row r="803" spans="1:18" ht="14.25" customHeight="1" x14ac:dyDescent="0.2">
      <c r="A803" s="15" t="s">
        <v>8496</v>
      </c>
      <c r="B803" s="10" t="s">
        <v>1808</v>
      </c>
      <c r="C803" s="16">
        <v>1</v>
      </c>
      <c r="D803" s="17">
        <v>511</v>
      </c>
      <c r="E803" s="17">
        <v>1503</v>
      </c>
      <c r="F803" s="25" t="s">
        <v>948</v>
      </c>
      <c r="G803" s="26" t="s">
        <v>7042</v>
      </c>
      <c r="H803" s="25" t="s">
        <v>949</v>
      </c>
      <c r="I803" s="25" t="s">
        <v>4801</v>
      </c>
      <c r="J803" s="51">
        <v>35.250447633999997</v>
      </c>
      <c r="K803" s="51">
        <v>139.71413977399999</v>
      </c>
      <c r="L803" s="25" t="s">
        <v>2628</v>
      </c>
      <c r="M803" s="17" t="s">
        <v>3709</v>
      </c>
      <c r="N803" s="16" t="s">
        <v>5270</v>
      </c>
      <c r="O803" s="19">
        <v>1898</v>
      </c>
      <c r="P803" s="19">
        <v>1</v>
      </c>
      <c r="Q803" s="22"/>
      <c r="R803" s="23">
        <v>44701</v>
      </c>
    </row>
    <row r="804" spans="1:18" ht="14.25" customHeight="1" x14ac:dyDescent="0.2">
      <c r="A804" s="15" t="s">
        <v>8497</v>
      </c>
      <c r="B804" s="10" t="s">
        <v>1808</v>
      </c>
      <c r="C804" s="16">
        <v>1</v>
      </c>
      <c r="D804" s="17">
        <v>511</v>
      </c>
      <c r="E804" s="17">
        <v>1503</v>
      </c>
      <c r="F804" s="25" t="s">
        <v>950</v>
      </c>
      <c r="G804" s="26" t="s">
        <v>7043</v>
      </c>
      <c r="H804" s="25" t="s">
        <v>951</v>
      </c>
      <c r="I804" s="25" t="s">
        <v>4802</v>
      </c>
      <c r="J804" s="51">
        <v>35.252687211999998</v>
      </c>
      <c r="K804" s="51">
        <v>139.73021873799999</v>
      </c>
      <c r="L804" s="25" t="s">
        <v>2629</v>
      </c>
      <c r="M804" s="17" t="s">
        <v>3710</v>
      </c>
      <c r="N804" s="16" t="s">
        <v>5271</v>
      </c>
      <c r="O804" s="19">
        <v>1977</v>
      </c>
      <c r="P804" s="19">
        <v>1</v>
      </c>
      <c r="Q804" s="22"/>
      <c r="R804" s="23">
        <v>44701</v>
      </c>
    </row>
    <row r="805" spans="1:18" ht="14.25" customHeight="1" x14ac:dyDescent="0.2">
      <c r="A805" s="15" t="s">
        <v>8498</v>
      </c>
      <c r="B805" s="10" t="s">
        <v>1808</v>
      </c>
      <c r="C805" s="16">
        <v>1</v>
      </c>
      <c r="D805" s="17">
        <v>511</v>
      </c>
      <c r="E805" s="17">
        <v>1503</v>
      </c>
      <c r="F805" s="25" t="s">
        <v>952</v>
      </c>
      <c r="G805" s="26" t="s">
        <v>7044</v>
      </c>
      <c r="H805" s="25" t="s">
        <v>953</v>
      </c>
      <c r="I805" s="25" t="s">
        <v>4803</v>
      </c>
      <c r="J805" s="51">
        <v>35.250827450999999</v>
      </c>
      <c r="K805" s="51">
        <v>139.733248511</v>
      </c>
      <c r="L805" s="25" t="s">
        <v>2630</v>
      </c>
      <c r="M805" s="17" t="s">
        <v>3711</v>
      </c>
      <c r="N805" s="16" t="s">
        <v>5272</v>
      </c>
      <c r="O805" s="19">
        <v>1873</v>
      </c>
      <c r="P805" s="19">
        <v>1</v>
      </c>
      <c r="Q805" s="22"/>
      <c r="R805" s="23">
        <v>44701</v>
      </c>
    </row>
    <row r="806" spans="1:18" ht="14.25" customHeight="1" x14ac:dyDescent="0.2">
      <c r="A806" s="15" t="s">
        <v>8499</v>
      </c>
      <c r="B806" s="10" t="s">
        <v>1808</v>
      </c>
      <c r="C806" s="16">
        <v>1</v>
      </c>
      <c r="D806" s="17">
        <v>511</v>
      </c>
      <c r="E806" s="17">
        <v>1503</v>
      </c>
      <c r="F806" s="25" t="s">
        <v>954</v>
      </c>
      <c r="G806" s="26" t="s">
        <v>7045</v>
      </c>
      <c r="H806" s="25" t="s">
        <v>955</v>
      </c>
      <c r="I806" s="25" t="s">
        <v>4804</v>
      </c>
      <c r="J806" s="51">
        <v>35.241338741</v>
      </c>
      <c r="K806" s="51">
        <v>139.71474962900001</v>
      </c>
      <c r="L806" s="25" t="s">
        <v>2631</v>
      </c>
      <c r="M806" s="17" t="s">
        <v>3712</v>
      </c>
      <c r="N806" s="16" t="s">
        <v>5273</v>
      </c>
      <c r="O806" s="19">
        <v>1926</v>
      </c>
      <c r="P806" s="19">
        <v>1</v>
      </c>
      <c r="Q806" s="22"/>
      <c r="R806" s="23">
        <v>44701</v>
      </c>
    </row>
    <row r="807" spans="1:18" ht="14.25" customHeight="1" x14ac:dyDescent="0.2">
      <c r="A807" s="15" t="s">
        <v>8500</v>
      </c>
      <c r="B807" s="10" t="s">
        <v>1808</v>
      </c>
      <c r="C807" s="16">
        <v>1</v>
      </c>
      <c r="D807" s="17">
        <v>511</v>
      </c>
      <c r="E807" s="17">
        <v>1503</v>
      </c>
      <c r="F807" s="25" t="s">
        <v>956</v>
      </c>
      <c r="G807" s="26" t="s">
        <v>7046</v>
      </c>
      <c r="H807" s="25" t="s">
        <v>957</v>
      </c>
      <c r="I807" s="25" t="s">
        <v>4805</v>
      </c>
      <c r="J807" s="51">
        <v>35.233960023999998</v>
      </c>
      <c r="K807" s="51">
        <v>139.66772364900001</v>
      </c>
      <c r="L807" s="25" t="s">
        <v>2632</v>
      </c>
      <c r="M807" s="17" t="s">
        <v>3713</v>
      </c>
      <c r="N807" s="16" t="s">
        <v>5274</v>
      </c>
      <c r="O807" s="19">
        <v>1974</v>
      </c>
      <c r="P807" s="19">
        <v>1</v>
      </c>
      <c r="Q807" s="22"/>
      <c r="R807" s="23">
        <v>44701</v>
      </c>
    </row>
    <row r="808" spans="1:18" ht="14.25" customHeight="1" x14ac:dyDescent="0.2">
      <c r="A808" s="15" t="s">
        <v>8501</v>
      </c>
      <c r="B808" s="10" t="s">
        <v>1808</v>
      </c>
      <c r="C808" s="16">
        <v>1</v>
      </c>
      <c r="D808" s="17">
        <v>511</v>
      </c>
      <c r="E808" s="17">
        <v>1503</v>
      </c>
      <c r="F808" s="25" t="s">
        <v>958</v>
      </c>
      <c r="G808" s="26" t="s">
        <v>7047</v>
      </c>
      <c r="H808" s="25" t="s">
        <v>959</v>
      </c>
      <c r="I808" s="25" t="s">
        <v>4806</v>
      </c>
      <c r="J808" s="51">
        <v>35.229330079999997</v>
      </c>
      <c r="K808" s="51">
        <v>139.70783014</v>
      </c>
      <c r="L808" s="25" t="s">
        <v>2633</v>
      </c>
      <c r="M808" s="17" t="s">
        <v>3714</v>
      </c>
      <c r="N808" s="16" t="s">
        <v>5275</v>
      </c>
      <c r="O808" s="19">
        <v>1873</v>
      </c>
      <c r="P808" s="19">
        <v>1</v>
      </c>
      <c r="Q808" s="22"/>
      <c r="R808" s="23">
        <v>44701</v>
      </c>
    </row>
    <row r="809" spans="1:18" ht="14.25" customHeight="1" x14ac:dyDescent="0.2">
      <c r="A809" s="15" t="s">
        <v>8502</v>
      </c>
      <c r="B809" s="10" t="s">
        <v>1808</v>
      </c>
      <c r="C809" s="16">
        <v>1</v>
      </c>
      <c r="D809" s="17">
        <v>511</v>
      </c>
      <c r="E809" s="17">
        <v>1503</v>
      </c>
      <c r="F809" s="25" t="s">
        <v>960</v>
      </c>
      <c r="G809" s="26" t="s">
        <v>7048</v>
      </c>
      <c r="H809" s="25" t="s">
        <v>959</v>
      </c>
      <c r="I809" s="25" t="s">
        <v>4807</v>
      </c>
      <c r="J809" s="51">
        <v>35.228040235999998</v>
      </c>
      <c r="K809" s="51">
        <v>139.70665023999999</v>
      </c>
      <c r="L809" s="25" t="s">
        <v>2634</v>
      </c>
      <c r="M809" s="17" t="s">
        <v>3715</v>
      </c>
      <c r="N809" s="16" t="s">
        <v>5276</v>
      </c>
      <c r="O809" s="19">
        <v>1960</v>
      </c>
      <c r="P809" s="19">
        <v>1</v>
      </c>
      <c r="Q809" s="22"/>
      <c r="R809" s="23">
        <v>44701</v>
      </c>
    </row>
    <row r="810" spans="1:18" s="29" customFormat="1" ht="14.25" customHeight="1" x14ac:dyDescent="0.2">
      <c r="A810" s="15" t="s">
        <v>8503</v>
      </c>
      <c r="B810" s="10" t="s">
        <v>1808</v>
      </c>
      <c r="C810" s="16">
        <v>1</v>
      </c>
      <c r="D810" s="17">
        <v>511</v>
      </c>
      <c r="E810" s="17">
        <v>1503</v>
      </c>
      <c r="F810" s="25" t="s">
        <v>961</v>
      </c>
      <c r="G810" s="26" t="s">
        <v>7049</v>
      </c>
      <c r="H810" s="25" t="s">
        <v>962</v>
      </c>
      <c r="I810" s="25" t="s">
        <v>4808</v>
      </c>
      <c r="J810" s="51">
        <v>35.226180497999998</v>
      </c>
      <c r="K810" s="51">
        <v>139.70144069</v>
      </c>
      <c r="L810" s="25" t="s">
        <v>2635</v>
      </c>
      <c r="M810" s="17" t="s">
        <v>3716</v>
      </c>
      <c r="N810" s="16" t="s">
        <v>5277</v>
      </c>
      <c r="O810" s="19">
        <v>1979</v>
      </c>
      <c r="P810" s="19">
        <v>1</v>
      </c>
      <c r="Q810" s="22"/>
      <c r="R810" s="23">
        <v>44701</v>
      </c>
    </row>
    <row r="811" spans="1:18" s="29" customFormat="1" ht="14.25" customHeight="1" x14ac:dyDescent="0.2">
      <c r="A811" s="15" t="s">
        <v>8504</v>
      </c>
      <c r="B811" s="10" t="s">
        <v>1808</v>
      </c>
      <c r="C811" s="16">
        <v>1</v>
      </c>
      <c r="D811" s="17">
        <v>511</v>
      </c>
      <c r="E811" s="17">
        <v>1503</v>
      </c>
      <c r="F811" s="25" t="s">
        <v>963</v>
      </c>
      <c r="G811" s="26" t="s">
        <v>10315</v>
      </c>
      <c r="H811" s="25" t="s">
        <v>964</v>
      </c>
      <c r="I811" s="25" t="s">
        <v>4809</v>
      </c>
      <c r="J811" s="51">
        <v>35.223860950999999</v>
      </c>
      <c r="K811" s="51">
        <v>139.684952168</v>
      </c>
      <c r="L811" s="25" t="s">
        <v>2636</v>
      </c>
      <c r="M811" s="17" t="s">
        <v>3717</v>
      </c>
      <c r="N811" s="16" t="s">
        <v>5278</v>
      </c>
      <c r="O811" s="19">
        <v>1973</v>
      </c>
      <c r="P811" s="19">
        <v>1</v>
      </c>
      <c r="Q811" s="22"/>
      <c r="R811" s="23">
        <v>44701</v>
      </c>
    </row>
    <row r="812" spans="1:18" s="29" customFormat="1" ht="14.25" customHeight="1" x14ac:dyDescent="0.2">
      <c r="A812" s="15" t="s">
        <v>8505</v>
      </c>
      <c r="B812" s="10" t="s">
        <v>1808</v>
      </c>
      <c r="C812" s="16">
        <v>1</v>
      </c>
      <c r="D812" s="17">
        <v>511</v>
      </c>
      <c r="E812" s="17">
        <v>1503</v>
      </c>
      <c r="F812" s="25" t="s">
        <v>965</v>
      </c>
      <c r="G812" s="26" t="s">
        <v>7050</v>
      </c>
      <c r="H812" s="25" t="s">
        <v>966</v>
      </c>
      <c r="I812" s="25" t="s">
        <v>4810</v>
      </c>
      <c r="J812" s="51">
        <v>35.215591930000002</v>
      </c>
      <c r="K812" s="51">
        <v>139.684702311</v>
      </c>
      <c r="L812" s="25" t="s">
        <v>2637</v>
      </c>
      <c r="M812" s="17" t="s">
        <v>3718</v>
      </c>
      <c r="N812" s="16" t="s">
        <v>5279</v>
      </c>
      <c r="O812" s="19">
        <v>1982</v>
      </c>
      <c r="P812" s="19">
        <v>1</v>
      </c>
      <c r="Q812" s="22"/>
      <c r="R812" s="23">
        <v>44701</v>
      </c>
    </row>
    <row r="813" spans="1:18" s="29" customFormat="1" ht="14.25" customHeight="1" x14ac:dyDescent="0.2">
      <c r="A813" s="15" t="s">
        <v>8506</v>
      </c>
      <c r="B813" s="10" t="s">
        <v>1808</v>
      </c>
      <c r="C813" s="16">
        <v>1</v>
      </c>
      <c r="D813" s="17">
        <v>511</v>
      </c>
      <c r="E813" s="17">
        <v>1503</v>
      </c>
      <c r="F813" s="25" t="s">
        <v>967</v>
      </c>
      <c r="G813" s="26" t="s">
        <v>7051</v>
      </c>
      <c r="H813" s="25" t="s">
        <v>966</v>
      </c>
      <c r="I813" s="25" t="s">
        <v>4811</v>
      </c>
      <c r="J813" s="51">
        <v>35.213782025999997</v>
      </c>
      <c r="K813" s="51">
        <v>139.695091402</v>
      </c>
      <c r="L813" s="25" t="s">
        <v>2638</v>
      </c>
      <c r="M813" s="17" t="s">
        <v>3719</v>
      </c>
      <c r="N813" s="16" t="s">
        <v>5280</v>
      </c>
      <c r="O813" s="19">
        <v>1996</v>
      </c>
      <c r="P813" s="19">
        <v>1</v>
      </c>
      <c r="Q813" s="22"/>
      <c r="R813" s="23">
        <v>44701</v>
      </c>
    </row>
    <row r="814" spans="1:18" s="29" customFormat="1" ht="14.25" customHeight="1" x14ac:dyDescent="0.2">
      <c r="A814" s="15" t="s">
        <v>8507</v>
      </c>
      <c r="B814" s="10" t="s">
        <v>1808</v>
      </c>
      <c r="C814" s="16">
        <v>1</v>
      </c>
      <c r="D814" s="17">
        <v>511</v>
      </c>
      <c r="E814" s="17">
        <v>1503</v>
      </c>
      <c r="F814" s="25" t="s">
        <v>968</v>
      </c>
      <c r="G814" s="26" t="s">
        <v>7052</v>
      </c>
      <c r="H814" s="25" t="s">
        <v>969</v>
      </c>
      <c r="I814" s="25" t="s">
        <v>4812</v>
      </c>
      <c r="J814" s="51">
        <v>35.202753512000001</v>
      </c>
      <c r="K814" s="51">
        <v>139.67454340699999</v>
      </c>
      <c r="L814" s="25" t="s">
        <v>2639</v>
      </c>
      <c r="M814" s="17" t="s">
        <v>3720</v>
      </c>
      <c r="N814" s="16" t="s">
        <v>5281</v>
      </c>
      <c r="O814" s="19">
        <v>1901</v>
      </c>
      <c r="P814" s="19">
        <v>1</v>
      </c>
      <c r="Q814" s="22"/>
      <c r="R814" s="23">
        <v>44701</v>
      </c>
    </row>
    <row r="815" spans="1:18" s="29" customFormat="1" ht="14.25" customHeight="1" x14ac:dyDescent="0.2">
      <c r="A815" s="15" t="s">
        <v>8508</v>
      </c>
      <c r="B815" s="10" t="s">
        <v>1808</v>
      </c>
      <c r="C815" s="16">
        <v>1</v>
      </c>
      <c r="D815" s="17">
        <v>511</v>
      </c>
      <c r="E815" s="17">
        <v>1503</v>
      </c>
      <c r="F815" s="25" t="s">
        <v>970</v>
      </c>
      <c r="G815" s="26" t="s">
        <v>7053</v>
      </c>
      <c r="H815" s="25" t="s">
        <v>971</v>
      </c>
      <c r="I815" s="25" t="s">
        <v>4813</v>
      </c>
      <c r="J815" s="51">
        <v>35.207542930999999</v>
      </c>
      <c r="K815" s="51">
        <v>139.66751395599999</v>
      </c>
      <c r="L815" s="25" t="s">
        <v>2640</v>
      </c>
      <c r="M815" s="17" t="s">
        <v>3721</v>
      </c>
      <c r="N815" s="16" t="s">
        <v>5282</v>
      </c>
      <c r="O815" s="19">
        <v>1976</v>
      </c>
      <c r="P815" s="19">
        <v>1</v>
      </c>
      <c r="Q815" s="22"/>
      <c r="R815" s="23">
        <v>44701</v>
      </c>
    </row>
    <row r="816" spans="1:18" s="29" customFormat="1" ht="14.25" customHeight="1" x14ac:dyDescent="0.2">
      <c r="A816" s="15" t="s">
        <v>8509</v>
      </c>
      <c r="B816" s="10" t="s">
        <v>1808</v>
      </c>
      <c r="C816" s="16">
        <v>1</v>
      </c>
      <c r="D816" s="17">
        <v>511</v>
      </c>
      <c r="E816" s="17">
        <v>1503</v>
      </c>
      <c r="F816" s="25" t="s">
        <v>972</v>
      </c>
      <c r="G816" s="26" t="s">
        <v>7054</v>
      </c>
      <c r="H816" s="25" t="s">
        <v>973</v>
      </c>
      <c r="I816" s="25" t="s">
        <v>4814</v>
      </c>
      <c r="J816" s="51">
        <v>35.205193119</v>
      </c>
      <c r="K816" s="51">
        <v>139.612258199</v>
      </c>
      <c r="L816" s="25" t="s">
        <v>2641</v>
      </c>
      <c r="M816" s="17" t="s">
        <v>3722</v>
      </c>
      <c r="N816" s="16" t="s">
        <v>5283</v>
      </c>
      <c r="O816" s="19">
        <v>1889</v>
      </c>
      <c r="P816" s="19">
        <v>1</v>
      </c>
      <c r="Q816" s="22"/>
      <c r="R816" s="23">
        <v>44701</v>
      </c>
    </row>
    <row r="817" spans="1:18" s="29" customFormat="1" ht="14.25" customHeight="1" x14ac:dyDescent="0.2">
      <c r="A817" s="15" t="s">
        <v>8510</v>
      </c>
      <c r="B817" s="10" t="s">
        <v>1808</v>
      </c>
      <c r="C817" s="16">
        <v>1</v>
      </c>
      <c r="D817" s="17">
        <v>511</v>
      </c>
      <c r="E817" s="17">
        <v>1503</v>
      </c>
      <c r="F817" s="25" t="s">
        <v>974</v>
      </c>
      <c r="G817" s="26" t="s">
        <v>7055</v>
      </c>
      <c r="H817" s="25" t="s">
        <v>975</v>
      </c>
      <c r="I817" s="25" t="s">
        <v>4815</v>
      </c>
      <c r="J817" s="51">
        <v>35.220241621</v>
      </c>
      <c r="K817" s="51">
        <v>139.64283590299999</v>
      </c>
      <c r="L817" s="25" t="s">
        <v>2642</v>
      </c>
      <c r="M817" s="17" t="s">
        <v>3723</v>
      </c>
      <c r="N817" s="16" t="s">
        <v>5284</v>
      </c>
      <c r="O817" s="19">
        <v>1975</v>
      </c>
      <c r="P817" s="19">
        <v>1</v>
      </c>
      <c r="Q817" s="22"/>
      <c r="R817" s="23">
        <v>44701</v>
      </c>
    </row>
    <row r="818" spans="1:18" s="29" customFormat="1" ht="14.25" customHeight="1" x14ac:dyDescent="0.2">
      <c r="A818" s="15" t="s">
        <v>8511</v>
      </c>
      <c r="B818" s="10" t="s">
        <v>1808</v>
      </c>
      <c r="C818" s="16">
        <v>1</v>
      </c>
      <c r="D818" s="17">
        <v>511</v>
      </c>
      <c r="E818" s="17">
        <v>1503</v>
      </c>
      <c r="F818" s="25" t="s">
        <v>976</v>
      </c>
      <c r="G818" s="26" t="s">
        <v>7056</v>
      </c>
      <c r="H818" s="25" t="s">
        <v>977</v>
      </c>
      <c r="I818" s="25" t="s">
        <v>4816</v>
      </c>
      <c r="J818" s="51">
        <v>35.224721137000003</v>
      </c>
      <c r="K818" s="51">
        <v>139.63928621400001</v>
      </c>
      <c r="L818" s="25" t="s">
        <v>2643</v>
      </c>
      <c r="M818" s="17" t="s">
        <v>3724</v>
      </c>
      <c r="N818" s="16" t="s">
        <v>5285</v>
      </c>
      <c r="O818" s="19">
        <v>1891</v>
      </c>
      <c r="P818" s="19">
        <v>1</v>
      </c>
      <c r="Q818" s="22"/>
      <c r="R818" s="23">
        <v>44701</v>
      </c>
    </row>
    <row r="819" spans="1:18" s="29" customFormat="1" ht="14.25" customHeight="1" x14ac:dyDescent="0.2">
      <c r="A819" s="15" t="s">
        <v>8512</v>
      </c>
      <c r="B819" s="10" t="s">
        <v>1808</v>
      </c>
      <c r="C819" s="16">
        <v>1</v>
      </c>
      <c r="D819" s="17">
        <v>511</v>
      </c>
      <c r="E819" s="17">
        <v>1503</v>
      </c>
      <c r="F819" s="25" t="s">
        <v>978</v>
      </c>
      <c r="G819" s="26" t="s">
        <v>7057</v>
      </c>
      <c r="H819" s="25" t="s">
        <v>979</v>
      </c>
      <c r="I819" s="25" t="s">
        <v>4817</v>
      </c>
      <c r="J819" s="51">
        <v>35.226750828</v>
      </c>
      <c r="K819" s="51">
        <v>139.628487068</v>
      </c>
      <c r="L819" s="25" t="s">
        <v>2644</v>
      </c>
      <c r="M819" s="17" t="s">
        <v>3725</v>
      </c>
      <c r="N819" s="16" t="s">
        <v>5286</v>
      </c>
      <c r="O819" s="19">
        <v>1982</v>
      </c>
      <c r="P819" s="19">
        <v>1</v>
      </c>
      <c r="Q819" s="22"/>
      <c r="R819" s="23">
        <v>44701</v>
      </c>
    </row>
    <row r="820" spans="1:18" s="29" customFormat="1" ht="14.25" customHeight="1" x14ac:dyDescent="0.2">
      <c r="A820" s="15" t="s">
        <v>8513</v>
      </c>
      <c r="B820" s="10" t="s">
        <v>1808</v>
      </c>
      <c r="C820" s="16">
        <v>1</v>
      </c>
      <c r="D820" s="17">
        <v>511</v>
      </c>
      <c r="E820" s="17">
        <v>1503</v>
      </c>
      <c r="F820" s="25" t="s">
        <v>980</v>
      </c>
      <c r="G820" s="26" t="s">
        <v>7058</v>
      </c>
      <c r="H820" s="25" t="s">
        <v>981</v>
      </c>
      <c r="I820" s="25" t="s">
        <v>4818</v>
      </c>
      <c r="J820" s="51">
        <v>35.233689873000003</v>
      </c>
      <c r="K820" s="51">
        <v>139.60772885899999</v>
      </c>
      <c r="L820" s="25" t="s">
        <v>2645</v>
      </c>
      <c r="M820" s="17" t="s">
        <v>3726</v>
      </c>
      <c r="N820" s="16" t="s">
        <v>5287</v>
      </c>
      <c r="O820" s="19">
        <v>1897</v>
      </c>
      <c r="P820" s="19">
        <v>1</v>
      </c>
      <c r="Q820" s="22"/>
      <c r="R820" s="23">
        <v>44701</v>
      </c>
    </row>
    <row r="821" spans="1:18" s="29" customFormat="1" ht="14.25" customHeight="1" x14ac:dyDescent="0.2">
      <c r="A821" s="15" t="s">
        <v>8514</v>
      </c>
      <c r="B821" s="10" t="s">
        <v>1808</v>
      </c>
      <c r="C821" s="16">
        <v>2</v>
      </c>
      <c r="D821" s="16">
        <v>512</v>
      </c>
      <c r="E821" s="16">
        <v>1504</v>
      </c>
      <c r="F821" s="31" t="s">
        <v>10316</v>
      </c>
      <c r="G821" s="32" t="s">
        <v>7059</v>
      </c>
      <c r="H821" s="31" t="s">
        <v>1690</v>
      </c>
      <c r="I821" s="31" t="s">
        <v>4819</v>
      </c>
      <c r="J821" s="51">
        <v>35.319492558</v>
      </c>
      <c r="K821" s="51">
        <v>139.63288790199999</v>
      </c>
      <c r="L821" s="31" t="s">
        <v>2646</v>
      </c>
      <c r="M821" s="31" t="s">
        <v>3727</v>
      </c>
      <c r="N821" s="16" t="s">
        <v>5288</v>
      </c>
      <c r="O821" s="19">
        <v>1961</v>
      </c>
      <c r="P821" s="19">
        <v>1</v>
      </c>
      <c r="Q821" s="22"/>
      <c r="R821" s="23">
        <v>44701</v>
      </c>
    </row>
    <row r="822" spans="1:18" s="29" customFormat="1" ht="14.25" customHeight="1" x14ac:dyDescent="0.2">
      <c r="A822" s="15" t="s">
        <v>8515</v>
      </c>
      <c r="B822" s="10" t="s">
        <v>1808</v>
      </c>
      <c r="C822" s="16">
        <v>2</v>
      </c>
      <c r="D822" s="16">
        <v>512</v>
      </c>
      <c r="E822" s="16">
        <v>1504</v>
      </c>
      <c r="F822" s="31" t="s">
        <v>5289</v>
      </c>
      <c r="G822" s="32" t="s">
        <v>7060</v>
      </c>
      <c r="H822" s="31" t="s">
        <v>900</v>
      </c>
      <c r="I822" s="31" t="s">
        <v>4820</v>
      </c>
      <c r="J822" s="51">
        <v>35.307673330999997</v>
      </c>
      <c r="K822" s="51">
        <v>139.62233896800001</v>
      </c>
      <c r="L822" s="31" t="s">
        <v>2647</v>
      </c>
      <c r="M822" s="31" t="s">
        <v>3728</v>
      </c>
      <c r="N822" s="16" t="s">
        <v>5290</v>
      </c>
      <c r="O822" s="19">
        <v>1980</v>
      </c>
      <c r="P822" s="19">
        <v>1</v>
      </c>
      <c r="Q822" s="22"/>
      <c r="R822" s="23">
        <v>44701</v>
      </c>
    </row>
    <row r="823" spans="1:18" s="29" customFormat="1" ht="14.25" customHeight="1" x14ac:dyDescent="0.2">
      <c r="A823" s="15" t="s">
        <v>8516</v>
      </c>
      <c r="B823" s="10" t="s">
        <v>1808</v>
      </c>
      <c r="C823" s="16">
        <v>2</v>
      </c>
      <c r="D823" s="16">
        <v>512</v>
      </c>
      <c r="E823" s="16">
        <v>1504</v>
      </c>
      <c r="F823" s="31" t="s">
        <v>10317</v>
      </c>
      <c r="G823" s="32" t="s">
        <v>7061</v>
      </c>
      <c r="H823" s="31" t="s">
        <v>902</v>
      </c>
      <c r="I823" s="31" t="s">
        <v>4821</v>
      </c>
      <c r="J823" s="51">
        <v>35.302673646999999</v>
      </c>
      <c r="K823" s="51">
        <v>139.63164782999999</v>
      </c>
      <c r="L823" s="31" t="s">
        <v>2648</v>
      </c>
      <c r="M823" s="31" t="s">
        <v>3729</v>
      </c>
      <c r="N823" s="16" t="s">
        <v>5291</v>
      </c>
      <c r="O823" s="19">
        <v>1947</v>
      </c>
      <c r="P823" s="19">
        <v>1</v>
      </c>
      <c r="Q823" s="22"/>
      <c r="R823" s="23">
        <v>44701</v>
      </c>
    </row>
    <row r="824" spans="1:18" s="29" customFormat="1" ht="14.25" customHeight="1" x14ac:dyDescent="0.2">
      <c r="A824" s="15" t="s">
        <v>8517</v>
      </c>
      <c r="B824" s="10" t="s">
        <v>1808</v>
      </c>
      <c r="C824" s="16">
        <v>2</v>
      </c>
      <c r="D824" s="16">
        <v>512</v>
      </c>
      <c r="E824" s="16">
        <v>1504</v>
      </c>
      <c r="F824" s="31" t="s">
        <v>5292</v>
      </c>
      <c r="G824" s="32" t="s">
        <v>7062</v>
      </c>
      <c r="H824" s="31" t="s">
        <v>912</v>
      </c>
      <c r="I824" s="31" t="s">
        <v>4782</v>
      </c>
      <c r="J824" s="51">
        <v>35.271625874999998</v>
      </c>
      <c r="K824" s="51">
        <v>139.65886452199999</v>
      </c>
      <c r="L824" s="31" t="s">
        <v>2649</v>
      </c>
      <c r="M824" s="31" t="s">
        <v>3730</v>
      </c>
      <c r="N824" s="16" t="s">
        <v>5293</v>
      </c>
      <c r="O824" s="19">
        <v>1947</v>
      </c>
      <c r="P824" s="19">
        <v>1</v>
      </c>
      <c r="Q824" s="22"/>
      <c r="R824" s="23">
        <v>44701</v>
      </c>
    </row>
    <row r="825" spans="1:18" s="29" customFormat="1" ht="14.25" customHeight="1" x14ac:dyDescent="0.2">
      <c r="A825" s="15" t="s">
        <v>8518</v>
      </c>
      <c r="B825" s="10" t="s">
        <v>1808</v>
      </c>
      <c r="C825" s="16">
        <v>2</v>
      </c>
      <c r="D825" s="16">
        <v>512</v>
      </c>
      <c r="E825" s="16">
        <v>1504</v>
      </c>
      <c r="F825" s="31" t="s">
        <v>10318</v>
      </c>
      <c r="G825" s="32" t="s">
        <v>7063</v>
      </c>
      <c r="H825" s="31" t="s">
        <v>912</v>
      </c>
      <c r="I825" s="31" t="s">
        <v>4782</v>
      </c>
      <c r="J825" s="51">
        <v>35.272615743000003</v>
      </c>
      <c r="K825" s="51">
        <v>139.66068437600001</v>
      </c>
      <c r="L825" s="31" t="s">
        <v>2650</v>
      </c>
      <c r="M825" s="31" t="s">
        <v>3731</v>
      </c>
      <c r="N825" s="16" t="s">
        <v>5294</v>
      </c>
      <c r="O825" s="19">
        <v>1947</v>
      </c>
      <c r="P825" s="19">
        <v>1</v>
      </c>
      <c r="Q825" s="22"/>
      <c r="R825" s="23">
        <v>44701</v>
      </c>
    </row>
    <row r="826" spans="1:18" s="29" customFormat="1" ht="14.25" customHeight="1" x14ac:dyDescent="0.2">
      <c r="A826" s="15" t="s">
        <v>8519</v>
      </c>
      <c r="B826" s="10" t="s">
        <v>1808</v>
      </c>
      <c r="C826" s="16">
        <v>2</v>
      </c>
      <c r="D826" s="16">
        <v>512</v>
      </c>
      <c r="E826" s="16">
        <v>1504</v>
      </c>
      <c r="F826" s="31" t="s">
        <v>5295</v>
      </c>
      <c r="G826" s="32" t="s">
        <v>7064</v>
      </c>
      <c r="H826" s="31" t="s">
        <v>916</v>
      </c>
      <c r="I826" s="31" t="s">
        <v>4784</v>
      </c>
      <c r="J826" s="51">
        <v>35.281644602999997</v>
      </c>
      <c r="K826" s="51">
        <v>139.67419323799999</v>
      </c>
      <c r="L826" s="31" t="s">
        <v>2651</v>
      </c>
      <c r="M826" s="31" t="s">
        <v>3732</v>
      </c>
      <c r="N826" s="16" t="s">
        <v>5296</v>
      </c>
      <c r="O826" s="19">
        <v>1960</v>
      </c>
      <c r="P826" s="19">
        <v>1</v>
      </c>
      <c r="Q826" s="22"/>
      <c r="R826" s="23">
        <v>44701</v>
      </c>
    </row>
    <row r="827" spans="1:18" s="29" customFormat="1" ht="14.25" customHeight="1" x14ac:dyDescent="0.2">
      <c r="A827" s="15" t="s">
        <v>8520</v>
      </c>
      <c r="B827" s="10" t="s">
        <v>1808</v>
      </c>
      <c r="C827" s="16">
        <v>2</v>
      </c>
      <c r="D827" s="16">
        <v>512</v>
      </c>
      <c r="E827" s="16">
        <v>1504</v>
      </c>
      <c r="F827" s="31" t="s">
        <v>5297</v>
      </c>
      <c r="G827" s="32" t="s">
        <v>7065</v>
      </c>
      <c r="H827" s="31" t="s">
        <v>926</v>
      </c>
      <c r="I827" s="31" t="s">
        <v>4822</v>
      </c>
      <c r="J827" s="51">
        <v>35.256987297999999</v>
      </c>
      <c r="K827" s="51">
        <v>139.67876266900001</v>
      </c>
      <c r="L827" s="31" t="s">
        <v>2652</v>
      </c>
      <c r="M827" s="31" t="s">
        <v>3733</v>
      </c>
      <c r="N827" s="16" t="s">
        <v>5298</v>
      </c>
      <c r="O827" s="19">
        <v>1971</v>
      </c>
      <c r="P827" s="19">
        <v>1</v>
      </c>
      <c r="Q827" s="22"/>
      <c r="R827" s="23">
        <v>44701</v>
      </c>
    </row>
    <row r="828" spans="1:18" s="29" customFormat="1" ht="14.25" customHeight="1" x14ac:dyDescent="0.2">
      <c r="A828" s="15" t="s">
        <v>8521</v>
      </c>
      <c r="B828" s="10" t="s">
        <v>1808</v>
      </c>
      <c r="C828" s="16">
        <v>2</v>
      </c>
      <c r="D828" s="16">
        <v>512</v>
      </c>
      <c r="E828" s="16">
        <v>1504</v>
      </c>
      <c r="F828" s="31" t="s">
        <v>5299</v>
      </c>
      <c r="G828" s="32" t="s">
        <v>7066</v>
      </c>
      <c r="H828" s="31" t="s">
        <v>928</v>
      </c>
      <c r="I828" s="31" t="s">
        <v>4790</v>
      </c>
      <c r="J828" s="51">
        <v>35.261607021000003</v>
      </c>
      <c r="K828" s="51">
        <v>139.64728545099999</v>
      </c>
      <c r="L828" s="31" t="s">
        <v>2653</v>
      </c>
      <c r="M828" s="31" t="s">
        <v>3734</v>
      </c>
      <c r="N828" s="16" t="s">
        <v>5300</v>
      </c>
      <c r="O828" s="19">
        <v>1947</v>
      </c>
      <c r="P828" s="19">
        <v>1</v>
      </c>
      <c r="Q828" s="22"/>
      <c r="R828" s="23">
        <v>44701</v>
      </c>
    </row>
    <row r="829" spans="1:18" ht="14.25" customHeight="1" x14ac:dyDescent="0.2">
      <c r="A829" s="15" t="s">
        <v>8522</v>
      </c>
      <c r="B829" s="10" t="s">
        <v>1808</v>
      </c>
      <c r="C829" s="16">
        <v>2</v>
      </c>
      <c r="D829" s="16">
        <v>512</v>
      </c>
      <c r="E829" s="16">
        <v>1504</v>
      </c>
      <c r="F829" s="31" t="s">
        <v>9123</v>
      </c>
      <c r="G829" s="32" t="s">
        <v>7067</v>
      </c>
      <c r="H829" s="31" t="s">
        <v>930</v>
      </c>
      <c r="I829" s="31" t="s">
        <v>4823</v>
      </c>
      <c r="J829" s="51">
        <v>35.252728071999996</v>
      </c>
      <c r="K829" s="51">
        <v>139.652434884</v>
      </c>
      <c r="L829" s="31" t="s">
        <v>2654</v>
      </c>
      <c r="M829" s="31" t="s">
        <v>3735</v>
      </c>
      <c r="N829" s="16" t="s">
        <v>5301</v>
      </c>
      <c r="O829" s="19">
        <v>1978</v>
      </c>
      <c r="P829" s="19">
        <v>1</v>
      </c>
      <c r="Q829" s="22"/>
      <c r="R829" s="23">
        <v>44701</v>
      </c>
    </row>
    <row r="830" spans="1:18" ht="14.25" customHeight="1" x14ac:dyDescent="0.2">
      <c r="A830" s="15" t="s">
        <v>8523</v>
      </c>
      <c r="B830" s="10" t="s">
        <v>1808</v>
      </c>
      <c r="C830" s="16">
        <v>2</v>
      </c>
      <c r="D830" s="16">
        <v>512</v>
      </c>
      <c r="E830" s="16">
        <v>1504</v>
      </c>
      <c r="F830" s="31" t="s">
        <v>5302</v>
      </c>
      <c r="G830" s="32" t="s">
        <v>7068</v>
      </c>
      <c r="H830" s="31" t="s">
        <v>936</v>
      </c>
      <c r="I830" s="31" t="s">
        <v>4824</v>
      </c>
      <c r="J830" s="51">
        <v>35.244848869999998</v>
      </c>
      <c r="K830" s="51">
        <v>139.66569373199999</v>
      </c>
      <c r="L830" s="31" t="s">
        <v>2655</v>
      </c>
      <c r="M830" s="31" t="s">
        <v>3736</v>
      </c>
      <c r="N830" s="16" t="s">
        <v>5303</v>
      </c>
      <c r="O830" s="19">
        <v>1984</v>
      </c>
      <c r="P830" s="19">
        <v>1</v>
      </c>
      <c r="Q830" s="22"/>
      <c r="R830" s="23">
        <v>44701</v>
      </c>
    </row>
    <row r="831" spans="1:18" ht="14.25" customHeight="1" x14ac:dyDescent="0.2">
      <c r="A831" s="15" t="s">
        <v>8524</v>
      </c>
      <c r="B831" s="10" t="s">
        <v>1808</v>
      </c>
      <c r="C831" s="16">
        <v>2</v>
      </c>
      <c r="D831" s="16">
        <v>512</v>
      </c>
      <c r="E831" s="16">
        <v>1504</v>
      </c>
      <c r="F831" s="31" t="s">
        <v>1691</v>
      </c>
      <c r="G831" s="32" t="s">
        <v>7069</v>
      </c>
      <c r="H831" s="31" t="s">
        <v>938</v>
      </c>
      <c r="I831" s="31" t="s">
        <v>4825</v>
      </c>
      <c r="J831" s="51">
        <v>35.260346763999998</v>
      </c>
      <c r="K831" s="51">
        <v>139.69096167199999</v>
      </c>
      <c r="L831" s="31" t="s">
        <v>2656</v>
      </c>
      <c r="M831" s="31" t="s">
        <v>3737</v>
      </c>
      <c r="N831" s="16" t="s">
        <v>5304</v>
      </c>
      <c r="O831" s="19">
        <v>1976</v>
      </c>
      <c r="P831" s="19">
        <v>1</v>
      </c>
      <c r="Q831" s="22"/>
      <c r="R831" s="23">
        <v>44701</v>
      </c>
    </row>
    <row r="832" spans="1:18" ht="14.25" customHeight="1" x14ac:dyDescent="0.2">
      <c r="A832" s="15" t="s">
        <v>8525</v>
      </c>
      <c r="B832" s="10" t="s">
        <v>1808</v>
      </c>
      <c r="C832" s="16">
        <v>2</v>
      </c>
      <c r="D832" s="16">
        <v>512</v>
      </c>
      <c r="E832" s="16">
        <v>1504</v>
      </c>
      <c r="F832" s="31" t="s">
        <v>5305</v>
      </c>
      <c r="G832" s="32" t="s">
        <v>7070</v>
      </c>
      <c r="H832" s="31" t="s">
        <v>943</v>
      </c>
      <c r="I832" s="31" t="s">
        <v>4826</v>
      </c>
      <c r="J832" s="51">
        <v>35.258506740999998</v>
      </c>
      <c r="K832" s="51">
        <v>139.71698962400001</v>
      </c>
      <c r="L832" s="31" t="s">
        <v>2657</v>
      </c>
      <c r="M832" s="31" t="s">
        <v>3738</v>
      </c>
      <c r="N832" s="16" t="s">
        <v>5306</v>
      </c>
      <c r="O832" s="19">
        <v>1947</v>
      </c>
      <c r="P832" s="19">
        <v>1</v>
      </c>
      <c r="Q832" s="22"/>
      <c r="R832" s="23">
        <v>44701</v>
      </c>
    </row>
    <row r="833" spans="1:18" ht="14.25" customHeight="1" x14ac:dyDescent="0.2">
      <c r="A833" s="15" t="s">
        <v>8526</v>
      </c>
      <c r="B833" s="10" t="s">
        <v>1808</v>
      </c>
      <c r="C833" s="16">
        <v>2</v>
      </c>
      <c r="D833" s="16">
        <v>512</v>
      </c>
      <c r="E833" s="16">
        <v>1504</v>
      </c>
      <c r="F833" s="31" t="s">
        <v>5307</v>
      </c>
      <c r="G833" s="32" t="s">
        <v>7071</v>
      </c>
      <c r="H833" s="31" t="s">
        <v>949</v>
      </c>
      <c r="I833" s="31" t="s">
        <v>4827</v>
      </c>
      <c r="J833" s="51">
        <v>35.250297666999998</v>
      </c>
      <c r="K833" s="51">
        <v>139.711499962</v>
      </c>
      <c r="L833" s="31" t="s">
        <v>2658</v>
      </c>
      <c r="M833" s="31" t="s">
        <v>3739</v>
      </c>
      <c r="N833" s="16" t="s">
        <v>5308</v>
      </c>
      <c r="O833" s="19">
        <v>1947</v>
      </c>
      <c r="P833" s="19">
        <v>1</v>
      </c>
      <c r="Q833" s="22"/>
      <c r="R833" s="23">
        <v>44701</v>
      </c>
    </row>
    <row r="834" spans="1:18" ht="14.25" customHeight="1" x14ac:dyDescent="0.2">
      <c r="A834" s="15" t="s">
        <v>8527</v>
      </c>
      <c r="B834" s="10" t="s">
        <v>1808</v>
      </c>
      <c r="C834" s="16">
        <v>2</v>
      </c>
      <c r="D834" s="16">
        <v>512</v>
      </c>
      <c r="E834" s="16">
        <v>1504</v>
      </c>
      <c r="F834" s="31" t="s">
        <v>5309</v>
      </c>
      <c r="G834" s="32" t="s">
        <v>7072</v>
      </c>
      <c r="H834" s="31" t="s">
        <v>953</v>
      </c>
      <c r="I834" s="31" t="s">
        <v>4828</v>
      </c>
      <c r="J834" s="51">
        <v>35.252197252000002</v>
      </c>
      <c r="K834" s="51">
        <v>139.733158546</v>
      </c>
      <c r="L834" s="31" t="s">
        <v>2659</v>
      </c>
      <c r="M834" s="31" t="s">
        <v>3740</v>
      </c>
      <c r="N834" s="16" t="s">
        <v>5310</v>
      </c>
      <c r="O834" s="19">
        <v>1954</v>
      </c>
      <c r="P834" s="19">
        <v>1</v>
      </c>
      <c r="Q834" s="22"/>
      <c r="R834" s="23">
        <v>44701</v>
      </c>
    </row>
    <row r="835" spans="1:18" ht="14.25" customHeight="1" x14ac:dyDescent="0.2">
      <c r="A835" s="15" t="s">
        <v>8528</v>
      </c>
      <c r="B835" s="10" t="s">
        <v>1808</v>
      </c>
      <c r="C835" s="16">
        <v>2</v>
      </c>
      <c r="D835" s="16">
        <v>512</v>
      </c>
      <c r="E835" s="16">
        <v>1504</v>
      </c>
      <c r="F835" s="31" t="s">
        <v>10319</v>
      </c>
      <c r="G835" s="32" t="s">
        <v>7073</v>
      </c>
      <c r="H835" s="31" t="s">
        <v>957</v>
      </c>
      <c r="I835" s="31" t="s">
        <v>4829</v>
      </c>
      <c r="J835" s="51">
        <v>35.227980658</v>
      </c>
      <c r="K835" s="51">
        <v>139.66874362900001</v>
      </c>
      <c r="L835" s="31" t="s">
        <v>2660</v>
      </c>
      <c r="M835" s="31" t="s">
        <v>3741</v>
      </c>
      <c r="N835" s="16" t="s">
        <v>5311</v>
      </c>
      <c r="O835" s="19">
        <v>1987</v>
      </c>
      <c r="P835" s="19">
        <v>1</v>
      </c>
      <c r="Q835" s="22"/>
      <c r="R835" s="23">
        <v>44701</v>
      </c>
    </row>
    <row r="836" spans="1:18" ht="14.25" customHeight="1" x14ac:dyDescent="0.2">
      <c r="A836" s="15" t="s">
        <v>8529</v>
      </c>
      <c r="B836" s="10" t="s">
        <v>1808</v>
      </c>
      <c r="C836" s="16">
        <v>2</v>
      </c>
      <c r="D836" s="16">
        <v>512</v>
      </c>
      <c r="E836" s="16">
        <v>1504</v>
      </c>
      <c r="F836" s="31" t="s">
        <v>5312</v>
      </c>
      <c r="G836" s="32" t="s">
        <v>7074</v>
      </c>
      <c r="H836" s="31" t="s">
        <v>959</v>
      </c>
      <c r="I836" s="31" t="s">
        <v>4830</v>
      </c>
      <c r="J836" s="51">
        <v>35.228780225000001</v>
      </c>
      <c r="K836" s="51">
        <v>139.69921084500001</v>
      </c>
      <c r="L836" s="31" t="s">
        <v>2661</v>
      </c>
      <c r="M836" s="31" t="s">
        <v>3742</v>
      </c>
      <c r="N836" s="16" t="s">
        <v>5313</v>
      </c>
      <c r="O836" s="19">
        <v>1949</v>
      </c>
      <c r="P836" s="19">
        <v>1</v>
      </c>
      <c r="Q836" s="22"/>
      <c r="R836" s="23">
        <v>44701</v>
      </c>
    </row>
    <row r="837" spans="1:18" ht="14.25" customHeight="1" x14ac:dyDescent="0.2">
      <c r="A837" s="15" t="s">
        <v>8530</v>
      </c>
      <c r="B837" s="10" t="s">
        <v>1808</v>
      </c>
      <c r="C837" s="16">
        <v>2</v>
      </c>
      <c r="D837" s="16">
        <v>512</v>
      </c>
      <c r="E837" s="16">
        <v>1504</v>
      </c>
      <c r="F837" s="31" t="s">
        <v>5314</v>
      </c>
      <c r="G837" s="32" t="s">
        <v>7075</v>
      </c>
      <c r="H837" s="31" t="s">
        <v>962</v>
      </c>
      <c r="I837" s="31" t="s">
        <v>4831</v>
      </c>
      <c r="J837" s="51">
        <v>35.225330602</v>
      </c>
      <c r="K837" s="51">
        <v>139.70077075500001</v>
      </c>
      <c r="L837" s="31" t="s">
        <v>2662</v>
      </c>
      <c r="M837" s="31" t="s">
        <v>3743</v>
      </c>
      <c r="N837" s="16" t="s">
        <v>5315</v>
      </c>
      <c r="O837" s="19">
        <v>1979</v>
      </c>
      <c r="P837" s="19">
        <v>1</v>
      </c>
      <c r="Q837" s="22"/>
      <c r="R837" s="23">
        <v>44701</v>
      </c>
    </row>
    <row r="838" spans="1:18" ht="14.25" customHeight="1" x14ac:dyDescent="0.2">
      <c r="A838" s="15" t="s">
        <v>8531</v>
      </c>
      <c r="B838" s="10" t="s">
        <v>1808</v>
      </c>
      <c r="C838" s="16">
        <v>2</v>
      </c>
      <c r="D838" s="16">
        <v>512</v>
      </c>
      <c r="E838" s="16">
        <v>1504</v>
      </c>
      <c r="F838" s="31" t="s">
        <v>10320</v>
      </c>
      <c r="G838" s="32" t="s">
        <v>7076</v>
      </c>
      <c r="H838" s="31" t="s">
        <v>966</v>
      </c>
      <c r="I838" s="31" t="s">
        <v>4832</v>
      </c>
      <c r="J838" s="51">
        <v>35.21522186</v>
      </c>
      <c r="K838" s="51">
        <v>139.69461142200001</v>
      </c>
      <c r="L838" s="31" t="s">
        <v>2663</v>
      </c>
      <c r="M838" s="31" t="s">
        <v>3744</v>
      </c>
      <c r="N838" s="16" t="s">
        <v>5316</v>
      </c>
      <c r="O838" s="19">
        <v>1977</v>
      </c>
      <c r="P838" s="19">
        <v>1</v>
      </c>
      <c r="Q838" s="22"/>
      <c r="R838" s="23">
        <v>44701</v>
      </c>
    </row>
    <row r="839" spans="1:18" ht="14.25" customHeight="1" x14ac:dyDescent="0.2">
      <c r="A839" s="15" t="s">
        <v>8532</v>
      </c>
      <c r="B839" s="10" t="s">
        <v>1808</v>
      </c>
      <c r="C839" s="16">
        <v>2</v>
      </c>
      <c r="D839" s="16">
        <v>512</v>
      </c>
      <c r="E839" s="16">
        <v>1504</v>
      </c>
      <c r="F839" s="31" t="s">
        <v>5317</v>
      </c>
      <c r="G839" s="32" t="s">
        <v>7077</v>
      </c>
      <c r="H839" s="31" t="s">
        <v>969</v>
      </c>
      <c r="I839" s="31" t="s">
        <v>4833</v>
      </c>
      <c r="J839" s="51">
        <v>35.204223333999998</v>
      </c>
      <c r="K839" s="51">
        <v>139.67327350599999</v>
      </c>
      <c r="L839" s="31" t="s">
        <v>2664</v>
      </c>
      <c r="M839" s="31" t="s">
        <v>3745</v>
      </c>
      <c r="N839" s="16" t="s">
        <v>5318</v>
      </c>
      <c r="O839" s="19">
        <v>1947</v>
      </c>
      <c r="P839" s="19">
        <v>1</v>
      </c>
      <c r="Q839" s="22"/>
      <c r="R839" s="23">
        <v>44701</v>
      </c>
    </row>
    <row r="840" spans="1:18" ht="14.25" customHeight="1" x14ac:dyDescent="0.2">
      <c r="A840" s="15" t="s">
        <v>8533</v>
      </c>
      <c r="B840" s="10" t="s">
        <v>1808</v>
      </c>
      <c r="C840" s="16">
        <v>2</v>
      </c>
      <c r="D840" s="16">
        <v>512</v>
      </c>
      <c r="E840" s="16">
        <v>1504</v>
      </c>
      <c r="F840" s="31" t="s">
        <v>10321</v>
      </c>
      <c r="G840" s="32" t="s">
        <v>7078</v>
      </c>
      <c r="H840" s="31" t="s">
        <v>969</v>
      </c>
      <c r="I840" s="31" t="s">
        <v>4834</v>
      </c>
      <c r="J840" s="51">
        <v>35.213142259000001</v>
      </c>
      <c r="K840" s="51">
        <v>139.67564322600001</v>
      </c>
      <c r="L840" s="31" t="s">
        <v>2665</v>
      </c>
      <c r="M840" s="31" t="s">
        <v>3746</v>
      </c>
      <c r="N840" s="16" t="s">
        <v>5319</v>
      </c>
      <c r="O840" s="19">
        <v>1985</v>
      </c>
      <c r="P840" s="19">
        <v>1</v>
      </c>
      <c r="Q840" s="22"/>
      <c r="R840" s="23">
        <v>44701</v>
      </c>
    </row>
    <row r="841" spans="1:18" ht="14.25" customHeight="1" x14ac:dyDescent="0.2">
      <c r="A841" s="15" t="s">
        <v>8534</v>
      </c>
      <c r="B841" s="10" t="s">
        <v>1808</v>
      </c>
      <c r="C841" s="16">
        <v>2</v>
      </c>
      <c r="D841" s="16">
        <v>512</v>
      </c>
      <c r="E841" s="16">
        <v>1504</v>
      </c>
      <c r="F841" s="31" t="s">
        <v>1692</v>
      </c>
      <c r="G841" s="32" t="s">
        <v>7079</v>
      </c>
      <c r="H841" s="31" t="s">
        <v>973</v>
      </c>
      <c r="I841" s="31" t="s">
        <v>4835</v>
      </c>
      <c r="J841" s="51">
        <v>35.205893035000003</v>
      </c>
      <c r="K841" s="51">
        <v>139.614818012</v>
      </c>
      <c r="L841" s="31" t="s">
        <v>2666</v>
      </c>
      <c r="M841" s="31" t="s">
        <v>3747</v>
      </c>
      <c r="N841" s="16" t="s">
        <v>5320</v>
      </c>
      <c r="O841" s="19">
        <v>1947</v>
      </c>
      <c r="P841" s="19">
        <v>1</v>
      </c>
      <c r="Q841" s="22"/>
      <c r="R841" s="23">
        <v>44701</v>
      </c>
    </row>
    <row r="842" spans="1:18" ht="14.25" customHeight="1" x14ac:dyDescent="0.2">
      <c r="A842" s="15" t="s">
        <v>8535</v>
      </c>
      <c r="B842" s="10" t="s">
        <v>1808</v>
      </c>
      <c r="C842" s="16">
        <v>2</v>
      </c>
      <c r="D842" s="16">
        <v>512</v>
      </c>
      <c r="E842" s="16">
        <v>1504</v>
      </c>
      <c r="F842" s="31" t="s">
        <v>5321</v>
      </c>
      <c r="G842" s="32" t="s">
        <v>7080</v>
      </c>
      <c r="H842" s="31" t="s">
        <v>975</v>
      </c>
      <c r="I842" s="31" t="s">
        <v>4836</v>
      </c>
      <c r="J842" s="51">
        <v>35.217921853</v>
      </c>
      <c r="K842" s="51">
        <v>139.64366581900001</v>
      </c>
      <c r="L842" s="31" t="s">
        <v>2667</v>
      </c>
      <c r="M842" s="31" t="s">
        <v>3748</v>
      </c>
      <c r="N842" s="16" t="s">
        <v>5322</v>
      </c>
      <c r="O842" s="19">
        <v>1947</v>
      </c>
      <c r="P842" s="19">
        <v>1</v>
      </c>
      <c r="Q842" s="22"/>
      <c r="R842" s="23">
        <v>44701</v>
      </c>
    </row>
    <row r="843" spans="1:18" ht="14.25" customHeight="1" x14ac:dyDescent="0.2">
      <c r="A843" s="15" t="s">
        <v>8536</v>
      </c>
      <c r="B843" s="10" t="s">
        <v>1808</v>
      </c>
      <c r="C843" s="16">
        <v>2</v>
      </c>
      <c r="D843" s="16">
        <v>512</v>
      </c>
      <c r="E843" s="16">
        <v>1504</v>
      </c>
      <c r="F843" s="31" t="s">
        <v>10322</v>
      </c>
      <c r="G843" s="32" t="s">
        <v>7081</v>
      </c>
      <c r="H843" s="31" t="s">
        <v>981</v>
      </c>
      <c r="I843" s="31" t="s">
        <v>4837</v>
      </c>
      <c r="J843" s="51">
        <v>35.231030232999998</v>
      </c>
      <c r="K843" s="51">
        <v>139.616068152</v>
      </c>
      <c r="L843" s="31" t="s">
        <v>2668</v>
      </c>
      <c r="M843" s="31" t="s">
        <v>3749</v>
      </c>
      <c r="N843" s="16" t="s">
        <v>5323</v>
      </c>
      <c r="O843" s="19">
        <v>1947</v>
      </c>
      <c r="P843" s="19">
        <v>1</v>
      </c>
      <c r="Q843" s="22"/>
      <c r="R843" s="23">
        <v>44701</v>
      </c>
    </row>
    <row r="844" spans="1:18" ht="14.25" customHeight="1" x14ac:dyDescent="0.2">
      <c r="A844" s="15" t="s">
        <v>8537</v>
      </c>
      <c r="B844" s="10" t="s">
        <v>1808</v>
      </c>
      <c r="C844" s="16">
        <v>5</v>
      </c>
      <c r="D844" s="16">
        <v>513</v>
      </c>
      <c r="E844" s="16">
        <v>1505</v>
      </c>
      <c r="F844" s="31" t="s">
        <v>1846</v>
      </c>
      <c r="G844" s="32" t="s">
        <v>7082</v>
      </c>
      <c r="H844" s="31" t="s">
        <v>10323</v>
      </c>
      <c r="I844" s="31" t="s">
        <v>4838</v>
      </c>
      <c r="J844" s="51">
        <v>35.229720739999998</v>
      </c>
      <c r="K844" s="51">
        <v>139.7093103</v>
      </c>
      <c r="L844" s="31" t="s">
        <v>2669</v>
      </c>
      <c r="M844" s="31" t="s">
        <v>3750</v>
      </c>
      <c r="N844" s="16" t="s">
        <v>10655</v>
      </c>
      <c r="O844" s="19">
        <v>2003</v>
      </c>
      <c r="P844" s="19">
        <v>0</v>
      </c>
      <c r="Q844" s="22" t="s">
        <v>9047</v>
      </c>
      <c r="R844" s="23">
        <v>44701</v>
      </c>
    </row>
    <row r="845" spans="1:18" ht="14.25" customHeight="1" x14ac:dyDescent="0.2">
      <c r="A845" s="15" t="s">
        <v>8538</v>
      </c>
      <c r="B845" s="10" t="s">
        <v>7799</v>
      </c>
      <c r="C845" s="16">
        <v>1</v>
      </c>
      <c r="D845" s="17">
        <v>511</v>
      </c>
      <c r="E845" s="17">
        <v>1503</v>
      </c>
      <c r="F845" s="25" t="s">
        <v>982</v>
      </c>
      <c r="G845" s="26" t="s">
        <v>7083</v>
      </c>
      <c r="H845" s="25" t="s">
        <v>983</v>
      </c>
      <c r="I845" s="25" t="s">
        <v>4839</v>
      </c>
      <c r="J845" s="52">
        <v>35.333272059999999</v>
      </c>
      <c r="K845" s="19">
        <v>139.3456788</v>
      </c>
      <c r="L845" s="25" t="s">
        <v>10324</v>
      </c>
      <c r="M845" s="17" t="s">
        <v>3751</v>
      </c>
      <c r="N845" s="16"/>
      <c r="O845" s="19">
        <v>1873</v>
      </c>
      <c r="P845" s="19">
        <v>1</v>
      </c>
      <c r="Q845" s="22"/>
      <c r="R845" s="23">
        <v>45065</v>
      </c>
    </row>
    <row r="846" spans="1:18" ht="14.25" customHeight="1" x14ac:dyDescent="0.2">
      <c r="A846" s="15" t="s">
        <v>8539</v>
      </c>
      <c r="B846" s="10" t="s">
        <v>7799</v>
      </c>
      <c r="C846" s="16">
        <v>1</v>
      </c>
      <c r="D846" s="17">
        <v>511</v>
      </c>
      <c r="E846" s="17">
        <v>1503</v>
      </c>
      <c r="F846" s="25" t="s">
        <v>984</v>
      </c>
      <c r="G846" s="26" t="s">
        <v>7084</v>
      </c>
      <c r="H846" s="25" t="s">
        <v>985</v>
      </c>
      <c r="I846" s="25" t="s">
        <v>4840</v>
      </c>
      <c r="J846" s="52">
        <v>35.322578909999997</v>
      </c>
      <c r="K846" s="19">
        <v>139.3574203</v>
      </c>
      <c r="L846" s="25" t="s">
        <v>2670</v>
      </c>
      <c r="M846" s="17" t="s">
        <v>3752</v>
      </c>
      <c r="N846" s="16"/>
      <c r="O846" s="19">
        <v>1874</v>
      </c>
      <c r="P846" s="19">
        <v>1</v>
      </c>
      <c r="Q846" s="22"/>
      <c r="R846" s="23">
        <v>45065</v>
      </c>
    </row>
    <row r="847" spans="1:18" ht="14.25" customHeight="1" x14ac:dyDescent="0.2">
      <c r="A847" s="15" t="s">
        <v>8540</v>
      </c>
      <c r="B847" s="10" t="s">
        <v>7799</v>
      </c>
      <c r="C847" s="16">
        <v>1</v>
      </c>
      <c r="D847" s="17">
        <v>511</v>
      </c>
      <c r="E847" s="17">
        <v>1503</v>
      </c>
      <c r="F847" s="25" t="s">
        <v>986</v>
      </c>
      <c r="G847" s="26" t="s">
        <v>7085</v>
      </c>
      <c r="H847" s="25" t="s">
        <v>987</v>
      </c>
      <c r="I847" s="25" t="s">
        <v>4841</v>
      </c>
      <c r="J847" s="52">
        <v>35.334943529999997</v>
      </c>
      <c r="K847" s="19">
        <v>139.35615970000001</v>
      </c>
      <c r="L847" s="25" t="s">
        <v>2671</v>
      </c>
      <c r="M847" s="17" t="s">
        <v>3753</v>
      </c>
      <c r="N847" s="16"/>
      <c r="O847" s="19">
        <v>1882</v>
      </c>
      <c r="P847" s="19">
        <v>1</v>
      </c>
      <c r="Q847" s="22"/>
      <c r="R847" s="23">
        <v>45065</v>
      </c>
    </row>
    <row r="848" spans="1:18" ht="14.25" customHeight="1" x14ac:dyDescent="0.2">
      <c r="A848" s="15" t="s">
        <v>8541</v>
      </c>
      <c r="B848" s="10" t="s">
        <v>7799</v>
      </c>
      <c r="C848" s="16">
        <v>1</v>
      </c>
      <c r="D848" s="17">
        <v>511</v>
      </c>
      <c r="E848" s="17">
        <v>1503</v>
      </c>
      <c r="F848" s="25" t="s">
        <v>988</v>
      </c>
      <c r="G848" s="26" t="s">
        <v>7086</v>
      </c>
      <c r="H848" s="25" t="s">
        <v>989</v>
      </c>
      <c r="I848" s="25" t="s">
        <v>4842</v>
      </c>
      <c r="J848" s="52">
        <v>35.332791200000003</v>
      </c>
      <c r="K848" s="19">
        <v>139.3343467</v>
      </c>
      <c r="L848" s="25" t="s">
        <v>2672</v>
      </c>
      <c r="M848" s="17" t="s">
        <v>3754</v>
      </c>
      <c r="N848" s="16"/>
      <c r="O848" s="19">
        <v>1935</v>
      </c>
      <c r="P848" s="19">
        <v>1</v>
      </c>
      <c r="Q848" s="22"/>
      <c r="R848" s="23">
        <v>45065</v>
      </c>
    </row>
    <row r="849" spans="1:18" ht="14.25" customHeight="1" x14ac:dyDescent="0.2">
      <c r="A849" s="15" t="s">
        <v>8542</v>
      </c>
      <c r="B849" s="10" t="s">
        <v>7799</v>
      </c>
      <c r="C849" s="16">
        <v>1</v>
      </c>
      <c r="D849" s="17">
        <v>511</v>
      </c>
      <c r="E849" s="17">
        <v>1503</v>
      </c>
      <c r="F849" s="25" t="s">
        <v>990</v>
      </c>
      <c r="G849" s="26" t="s">
        <v>7087</v>
      </c>
      <c r="H849" s="25" t="s">
        <v>991</v>
      </c>
      <c r="I849" s="25" t="s">
        <v>4843</v>
      </c>
      <c r="J849" s="52">
        <v>35.318794519999997</v>
      </c>
      <c r="K849" s="19">
        <v>139.34520370000001</v>
      </c>
      <c r="L849" s="25" t="s">
        <v>2673</v>
      </c>
      <c r="M849" s="17" t="s">
        <v>3755</v>
      </c>
      <c r="N849" s="16"/>
      <c r="O849" s="19">
        <v>1947</v>
      </c>
      <c r="P849" s="19">
        <v>1</v>
      </c>
      <c r="Q849" s="22"/>
      <c r="R849" s="23">
        <v>45065</v>
      </c>
    </row>
    <row r="850" spans="1:18" ht="14.25" customHeight="1" x14ac:dyDescent="0.2">
      <c r="A850" s="15" t="s">
        <v>8543</v>
      </c>
      <c r="B850" s="10" t="s">
        <v>7799</v>
      </c>
      <c r="C850" s="16">
        <v>1</v>
      </c>
      <c r="D850" s="17">
        <v>511</v>
      </c>
      <c r="E850" s="17">
        <v>1503</v>
      </c>
      <c r="F850" s="25" t="s">
        <v>992</v>
      </c>
      <c r="G850" s="26" t="s">
        <v>7088</v>
      </c>
      <c r="H850" s="25" t="s">
        <v>993</v>
      </c>
      <c r="I850" s="25" t="s">
        <v>4844</v>
      </c>
      <c r="J850" s="52">
        <v>35.353817050000004</v>
      </c>
      <c r="K850" s="19">
        <v>139.3579076</v>
      </c>
      <c r="L850" s="25" t="s">
        <v>2674</v>
      </c>
      <c r="M850" s="17" t="s">
        <v>3756</v>
      </c>
      <c r="N850" s="16"/>
      <c r="O850" s="19">
        <v>1901</v>
      </c>
      <c r="P850" s="19">
        <v>1</v>
      </c>
      <c r="Q850" s="22"/>
      <c r="R850" s="23">
        <v>45065</v>
      </c>
    </row>
    <row r="851" spans="1:18" ht="14.25" customHeight="1" x14ac:dyDescent="0.2">
      <c r="A851" s="15" t="s">
        <v>8544</v>
      </c>
      <c r="B851" s="10" t="s">
        <v>7799</v>
      </c>
      <c r="C851" s="16">
        <v>1</v>
      </c>
      <c r="D851" s="17">
        <v>511</v>
      </c>
      <c r="E851" s="17">
        <v>1503</v>
      </c>
      <c r="F851" s="25" t="s">
        <v>994</v>
      </c>
      <c r="G851" s="26" t="s">
        <v>7089</v>
      </c>
      <c r="H851" s="25" t="s">
        <v>995</v>
      </c>
      <c r="I851" s="25" t="s">
        <v>4845</v>
      </c>
      <c r="J851" s="52">
        <v>35.344354869999997</v>
      </c>
      <c r="K851" s="19">
        <v>139.32955029999999</v>
      </c>
      <c r="L851" s="25" t="s">
        <v>2675</v>
      </c>
      <c r="M851" s="17" t="s">
        <v>3757</v>
      </c>
      <c r="N851" s="16"/>
      <c r="O851" s="19">
        <v>1873</v>
      </c>
      <c r="P851" s="19">
        <v>1</v>
      </c>
      <c r="Q851" s="22"/>
      <c r="R851" s="23">
        <v>45065</v>
      </c>
    </row>
    <row r="852" spans="1:18" ht="14.25" customHeight="1" x14ac:dyDescent="0.2">
      <c r="A852" s="15" t="s">
        <v>8545</v>
      </c>
      <c r="B852" s="10" t="s">
        <v>7799</v>
      </c>
      <c r="C852" s="16">
        <v>1</v>
      </c>
      <c r="D852" s="17">
        <v>511</v>
      </c>
      <c r="E852" s="17">
        <v>1503</v>
      </c>
      <c r="F852" s="25" t="s">
        <v>996</v>
      </c>
      <c r="G852" s="26" t="s">
        <v>7090</v>
      </c>
      <c r="H852" s="25" t="s">
        <v>997</v>
      </c>
      <c r="I852" s="25" t="s">
        <v>4846</v>
      </c>
      <c r="J852" s="52">
        <v>35.358643030000003</v>
      </c>
      <c r="K852" s="19">
        <v>139.3312032</v>
      </c>
      <c r="L852" s="25" t="s">
        <v>2676</v>
      </c>
      <c r="M852" s="17" t="s">
        <v>3758</v>
      </c>
      <c r="N852" s="16"/>
      <c r="O852" s="19">
        <v>1873</v>
      </c>
      <c r="P852" s="19">
        <v>1</v>
      </c>
      <c r="Q852" s="22"/>
      <c r="R852" s="23">
        <v>45065</v>
      </c>
    </row>
    <row r="853" spans="1:18" ht="14.25" customHeight="1" x14ac:dyDescent="0.2">
      <c r="A853" s="15" t="s">
        <v>8546</v>
      </c>
      <c r="B853" s="10" t="s">
        <v>7799</v>
      </c>
      <c r="C853" s="16">
        <v>1</v>
      </c>
      <c r="D853" s="17">
        <v>511</v>
      </c>
      <c r="E853" s="17">
        <v>1503</v>
      </c>
      <c r="F853" s="25" t="s">
        <v>998</v>
      </c>
      <c r="G853" s="26" t="s">
        <v>7091</v>
      </c>
      <c r="H853" s="25" t="s">
        <v>999</v>
      </c>
      <c r="I853" s="25" t="s">
        <v>4847</v>
      </c>
      <c r="J853" s="52">
        <v>35.335264600000002</v>
      </c>
      <c r="K853" s="19">
        <v>139.30908410000001</v>
      </c>
      <c r="L853" s="25" t="s">
        <v>2677</v>
      </c>
      <c r="M853" s="17" t="s">
        <v>3759</v>
      </c>
      <c r="N853" s="16"/>
      <c r="O853" s="19">
        <v>1873</v>
      </c>
      <c r="P853" s="19">
        <v>1</v>
      </c>
      <c r="Q853" s="22"/>
      <c r="R853" s="23">
        <v>45065</v>
      </c>
    </row>
    <row r="854" spans="1:18" s="29" customFormat="1" ht="14.25" customHeight="1" x14ac:dyDescent="0.2">
      <c r="A854" s="15" t="s">
        <v>8547</v>
      </c>
      <c r="B854" s="10" t="s">
        <v>7799</v>
      </c>
      <c r="C854" s="16">
        <v>1</v>
      </c>
      <c r="D854" s="17">
        <v>511</v>
      </c>
      <c r="E854" s="17">
        <v>1503</v>
      </c>
      <c r="F854" s="25" t="s">
        <v>1000</v>
      </c>
      <c r="G854" s="26" t="s">
        <v>7092</v>
      </c>
      <c r="H854" s="25" t="s">
        <v>1001</v>
      </c>
      <c r="I854" s="25" t="s">
        <v>4848</v>
      </c>
      <c r="J854" s="52">
        <v>35.376255149999999</v>
      </c>
      <c r="K854" s="19">
        <v>139.36276470000001</v>
      </c>
      <c r="L854" s="25" t="s">
        <v>2678</v>
      </c>
      <c r="M854" s="17" t="s">
        <v>3760</v>
      </c>
      <c r="N854" s="16"/>
      <c r="O854" s="19">
        <v>1873</v>
      </c>
      <c r="P854" s="19">
        <v>1</v>
      </c>
      <c r="Q854" s="22"/>
      <c r="R854" s="23">
        <v>45065</v>
      </c>
    </row>
    <row r="855" spans="1:18" s="29" customFormat="1" ht="14.25" customHeight="1" x14ac:dyDescent="0.2">
      <c r="A855" s="15" t="s">
        <v>8548</v>
      </c>
      <c r="B855" s="10" t="s">
        <v>7799</v>
      </c>
      <c r="C855" s="16">
        <v>1</v>
      </c>
      <c r="D855" s="17">
        <v>511</v>
      </c>
      <c r="E855" s="17">
        <v>1503</v>
      </c>
      <c r="F855" s="25" t="s">
        <v>1002</v>
      </c>
      <c r="G855" s="26" t="s">
        <v>7093</v>
      </c>
      <c r="H855" s="25" t="s">
        <v>1003</v>
      </c>
      <c r="I855" s="25" t="s">
        <v>4849</v>
      </c>
      <c r="J855" s="52">
        <v>35.37240362</v>
      </c>
      <c r="K855" s="19">
        <v>139.33028350000001</v>
      </c>
      <c r="L855" s="25" t="s">
        <v>2679</v>
      </c>
      <c r="M855" s="17" t="s">
        <v>3761</v>
      </c>
      <c r="N855" s="16"/>
      <c r="O855" s="19">
        <v>1873</v>
      </c>
      <c r="P855" s="19">
        <v>1</v>
      </c>
      <c r="Q855" s="22"/>
      <c r="R855" s="23">
        <v>45065</v>
      </c>
    </row>
    <row r="856" spans="1:18" s="29" customFormat="1" ht="14.25" customHeight="1" x14ac:dyDescent="0.2">
      <c r="A856" s="15" t="s">
        <v>8549</v>
      </c>
      <c r="B856" s="10" t="s">
        <v>7799</v>
      </c>
      <c r="C856" s="16">
        <v>1</v>
      </c>
      <c r="D856" s="17">
        <v>511</v>
      </c>
      <c r="E856" s="17">
        <v>1503</v>
      </c>
      <c r="F856" s="25" t="s">
        <v>1004</v>
      </c>
      <c r="G856" s="26" t="s">
        <v>7094</v>
      </c>
      <c r="H856" s="25" t="s">
        <v>1005</v>
      </c>
      <c r="I856" s="25" t="s">
        <v>4850</v>
      </c>
      <c r="J856" s="52">
        <v>35.372951700000002</v>
      </c>
      <c r="K856" s="19">
        <v>139.30660449999999</v>
      </c>
      <c r="L856" s="25" t="s">
        <v>2680</v>
      </c>
      <c r="M856" s="17" t="s">
        <v>5324</v>
      </c>
      <c r="N856" s="16"/>
      <c r="O856" s="19">
        <v>1873</v>
      </c>
      <c r="P856" s="19">
        <v>1</v>
      </c>
      <c r="Q856" s="22"/>
      <c r="R856" s="23">
        <v>45065</v>
      </c>
    </row>
    <row r="857" spans="1:18" s="29" customFormat="1" ht="14.25" customHeight="1" x14ac:dyDescent="0.2">
      <c r="A857" s="15" t="s">
        <v>8550</v>
      </c>
      <c r="B857" s="10" t="s">
        <v>7799</v>
      </c>
      <c r="C857" s="16">
        <v>1</v>
      </c>
      <c r="D857" s="17">
        <v>511</v>
      </c>
      <c r="E857" s="17">
        <v>1503</v>
      </c>
      <c r="F857" s="25" t="s">
        <v>1006</v>
      </c>
      <c r="G857" s="26" t="s">
        <v>7095</v>
      </c>
      <c r="H857" s="25" t="s">
        <v>1007</v>
      </c>
      <c r="I857" s="25" t="s">
        <v>4851</v>
      </c>
      <c r="J857" s="52">
        <v>35.354183300000003</v>
      </c>
      <c r="K857" s="19">
        <v>139.3148631</v>
      </c>
      <c r="L857" s="25" t="s">
        <v>2681</v>
      </c>
      <c r="M857" s="17" t="s">
        <v>3762</v>
      </c>
      <c r="N857" s="16"/>
      <c r="O857" s="19">
        <v>1878</v>
      </c>
      <c r="P857" s="19">
        <v>1</v>
      </c>
      <c r="Q857" s="22"/>
      <c r="R857" s="23">
        <v>45065</v>
      </c>
    </row>
    <row r="858" spans="1:18" s="29" customFormat="1" ht="14.25" customHeight="1" x14ac:dyDescent="0.2">
      <c r="A858" s="15" t="s">
        <v>8551</v>
      </c>
      <c r="B858" s="10" t="s">
        <v>7799</v>
      </c>
      <c r="C858" s="16">
        <v>1</v>
      </c>
      <c r="D858" s="17">
        <v>511</v>
      </c>
      <c r="E858" s="17">
        <v>1503</v>
      </c>
      <c r="F858" s="25" t="s">
        <v>1008</v>
      </c>
      <c r="G858" s="26" t="s">
        <v>7096</v>
      </c>
      <c r="H858" s="25" t="s">
        <v>1009</v>
      </c>
      <c r="I858" s="25" t="s">
        <v>4852</v>
      </c>
      <c r="J858" s="52">
        <v>35.347460499999997</v>
      </c>
      <c r="K858" s="19">
        <v>139.25955239999999</v>
      </c>
      <c r="L858" s="25" t="s">
        <v>2682</v>
      </c>
      <c r="M858" s="17" t="s">
        <v>3763</v>
      </c>
      <c r="N858" s="16"/>
      <c r="O858" s="19">
        <v>1873</v>
      </c>
      <c r="P858" s="19">
        <v>1</v>
      </c>
      <c r="Q858" s="22"/>
      <c r="R858" s="23">
        <v>45065</v>
      </c>
    </row>
    <row r="859" spans="1:18" s="29" customFormat="1" ht="14.25" customHeight="1" x14ac:dyDescent="0.2">
      <c r="A859" s="15" t="s">
        <v>8552</v>
      </c>
      <c r="B859" s="10" t="s">
        <v>7799</v>
      </c>
      <c r="C859" s="16">
        <v>1</v>
      </c>
      <c r="D859" s="17">
        <v>511</v>
      </c>
      <c r="E859" s="17">
        <v>1503</v>
      </c>
      <c r="F859" s="25" t="s">
        <v>1010</v>
      </c>
      <c r="G859" s="26" t="s">
        <v>7097</v>
      </c>
      <c r="H859" s="25" t="s">
        <v>1011</v>
      </c>
      <c r="I859" s="25" t="s">
        <v>4853</v>
      </c>
      <c r="J859" s="52">
        <v>35.345839910000002</v>
      </c>
      <c r="K859" s="19">
        <v>139.2897973</v>
      </c>
      <c r="L859" s="25" t="s">
        <v>2683</v>
      </c>
      <c r="M859" s="17" t="s">
        <v>3764</v>
      </c>
      <c r="N859" s="16"/>
      <c r="O859" s="19">
        <v>1892</v>
      </c>
      <c r="P859" s="19">
        <v>1</v>
      </c>
      <c r="Q859" s="22"/>
      <c r="R859" s="23">
        <v>45065</v>
      </c>
    </row>
    <row r="860" spans="1:18" s="29" customFormat="1" ht="14.25" customHeight="1" x14ac:dyDescent="0.2">
      <c r="A860" s="15" t="s">
        <v>8553</v>
      </c>
      <c r="B860" s="10" t="s">
        <v>7799</v>
      </c>
      <c r="C860" s="16">
        <v>1</v>
      </c>
      <c r="D860" s="17">
        <v>511</v>
      </c>
      <c r="E860" s="17">
        <v>1503</v>
      </c>
      <c r="F860" s="25" t="s">
        <v>5325</v>
      </c>
      <c r="G860" s="26" t="s">
        <v>7098</v>
      </c>
      <c r="H860" s="25" t="s">
        <v>1012</v>
      </c>
      <c r="I860" s="25" t="s">
        <v>4854</v>
      </c>
      <c r="J860" s="52">
        <v>35.358902299999997</v>
      </c>
      <c r="K860" s="19">
        <v>139.29036160000001</v>
      </c>
      <c r="L860" s="25" t="s">
        <v>2684</v>
      </c>
      <c r="M860" s="17" t="s">
        <v>3765</v>
      </c>
      <c r="N860" s="16"/>
      <c r="O860" s="19">
        <v>1880</v>
      </c>
      <c r="P860" s="19">
        <v>1</v>
      </c>
      <c r="Q860" s="22"/>
      <c r="R860" s="23">
        <v>45065</v>
      </c>
    </row>
    <row r="861" spans="1:18" s="29" customFormat="1" ht="14.25" customHeight="1" x14ac:dyDescent="0.2">
      <c r="A861" s="15" t="s">
        <v>8554</v>
      </c>
      <c r="B861" s="10" t="s">
        <v>7799</v>
      </c>
      <c r="C861" s="16">
        <v>1</v>
      </c>
      <c r="D861" s="17">
        <v>511</v>
      </c>
      <c r="E861" s="17">
        <v>1503</v>
      </c>
      <c r="F861" s="25" t="s">
        <v>1802</v>
      </c>
      <c r="G861" s="26" t="s">
        <v>10465</v>
      </c>
      <c r="H861" s="25" t="s">
        <v>1013</v>
      </c>
      <c r="I861" s="25" t="s">
        <v>4855</v>
      </c>
      <c r="J861" s="52">
        <v>35.352780000000003</v>
      </c>
      <c r="K861" s="19">
        <v>139.29512</v>
      </c>
      <c r="L861" s="25" t="s">
        <v>5326</v>
      </c>
      <c r="M861" s="17" t="s">
        <v>5327</v>
      </c>
      <c r="N861" s="16"/>
      <c r="O861" s="19">
        <v>2017</v>
      </c>
      <c r="P861" s="19">
        <v>0</v>
      </c>
      <c r="Q861" s="22"/>
      <c r="R861" s="23">
        <v>45065</v>
      </c>
    </row>
    <row r="862" spans="1:18" s="29" customFormat="1" ht="14.25" customHeight="1" x14ac:dyDescent="0.2">
      <c r="A862" s="15" t="s">
        <v>8555</v>
      </c>
      <c r="B862" s="10" t="s">
        <v>7799</v>
      </c>
      <c r="C862" s="16">
        <v>1</v>
      </c>
      <c r="D862" s="17">
        <v>511</v>
      </c>
      <c r="E862" s="17">
        <v>1503</v>
      </c>
      <c r="F862" s="25" t="s">
        <v>1014</v>
      </c>
      <c r="G862" s="26" t="s">
        <v>7099</v>
      </c>
      <c r="H862" s="25" t="s">
        <v>1015</v>
      </c>
      <c r="I862" s="25" t="s">
        <v>4856</v>
      </c>
      <c r="J862" s="53">
        <v>35.371796369999998</v>
      </c>
      <c r="K862" s="19">
        <v>139.35235259999999</v>
      </c>
      <c r="L862" s="25" t="s">
        <v>2685</v>
      </c>
      <c r="M862" s="17" t="s">
        <v>3766</v>
      </c>
      <c r="N862" s="16"/>
      <c r="O862" s="19">
        <v>1970</v>
      </c>
      <c r="P862" s="19">
        <v>1</v>
      </c>
      <c r="Q862" s="22"/>
      <c r="R862" s="23">
        <v>45065</v>
      </c>
    </row>
    <row r="863" spans="1:18" s="29" customFormat="1" ht="14.25" customHeight="1" x14ac:dyDescent="0.2">
      <c r="A863" s="15" t="s">
        <v>8556</v>
      </c>
      <c r="B863" s="10" t="s">
        <v>7799</v>
      </c>
      <c r="C863" s="16">
        <v>1</v>
      </c>
      <c r="D863" s="17">
        <v>511</v>
      </c>
      <c r="E863" s="17">
        <v>1503</v>
      </c>
      <c r="F863" s="25" t="s">
        <v>1016</v>
      </c>
      <c r="G863" s="26" t="s">
        <v>7100</v>
      </c>
      <c r="H863" s="25" t="s">
        <v>1017</v>
      </c>
      <c r="I863" s="25" t="s">
        <v>4857</v>
      </c>
      <c r="J863" s="53">
        <v>35.344401380000001</v>
      </c>
      <c r="K863" s="19">
        <v>139.35757150000001</v>
      </c>
      <c r="L863" s="25" t="s">
        <v>2686</v>
      </c>
      <c r="M863" s="17" t="s">
        <v>3767</v>
      </c>
      <c r="N863" s="16"/>
      <c r="O863" s="19">
        <v>1971</v>
      </c>
      <c r="P863" s="19">
        <v>1</v>
      </c>
      <c r="Q863" s="22"/>
      <c r="R863" s="23">
        <v>45065</v>
      </c>
    </row>
    <row r="864" spans="1:18" s="29" customFormat="1" ht="14.25" customHeight="1" x14ac:dyDescent="0.2">
      <c r="A864" s="15" t="s">
        <v>8557</v>
      </c>
      <c r="B864" s="10" t="s">
        <v>7799</v>
      </c>
      <c r="C864" s="16">
        <v>1</v>
      </c>
      <c r="D864" s="17">
        <v>511</v>
      </c>
      <c r="E864" s="17">
        <v>1503</v>
      </c>
      <c r="F864" s="25" t="s">
        <v>1018</v>
      </c>
      <c r="G864" s="26" t="s">
        <v>7101</v>
      </c>
      <c r="H864" s="25" t="s">
        <v>1019</v>
      </c>
      <c r="I864" s="25" t="s">
        <v>4858</v>
      </c>
      <c r="J864" s="53">
        <v>35.337740940000003</v>
      </c>
      <c r="K864" s="19">
        <v>139.3271053</v>
      </c>
      <c r="L864" s="25" t="s">
        <v>2687</v>
      </c>
      <c r="M864" s="17" t="s">
        <v>3768</v>
      </c>
      <c r="N864" s="16"/>
      <c r="O864" s="19">
        <v>1973</v>
      </c>
      <c r="P864" s="19">
        <v>1</v>
      </c>
      <c r="Q864" s="22"/>
      <c r="R864" s="23">
        <v>45065</v>
      </c>
    </row>
    <row r="865" spans="1:18" ht="14.25" customHeight="1" x14ac:dyDescent="0.2">
      <c r="A865" s="15" t="s">
        <v>8558</v>
      </c>
      <c r="B865" s="10" t="s">
        <v>7799</v>
      </c>
      <c r="C865" s="16">
        <v>1</v>
      </c>
      <c r="D865" s="17">
        <v>511</v>
      </c>
      <c r="E865" s="17">
        <v>1503</v>
      </c>
      <c r="F865" s="25" t="s">
        <v>1020</v>
      </c>
      <c r="G865" s="26" t="s">
        <v>7102</v>
      </c>
      <c r="H865" s="25" t="s">
        <v>1021</v>
      </c>
      <c r="I865" s="25" t="s">
        <v>4859</v>
      </c>
      <c r="J865" s="53">
        <v>35.360639460000002</v>
      </c>
      <c r="K865" s="19">
        <v>139.34886990000001</v>
      </c>
      <c r="L865" s="25" t="s">
        <v>2688</v>
      </c>
      <c r="M865" s="17" t="s">
        <v>9934</v>
      </c>
      <c r="N865" s="16"/>
      <c r="O865" s="19">
        <v>1975</v>
      </c>
      <c r="P865" s="19">
        <v>1</v>
      </c>
      <c r="Q865" s="22"/>
      <c r="R865" s="23">
        <v>45065</v>
      </c>
    </row>
    <row r="866" spans="1:18" ht="14.25" customHeight="1" x14ac:dyDescent="0.2">
      <c r="A866" s="15" t="s">
        <v>8559</v>
      </c>
      <c r="B866" s="10" t="s">
        <v>7799</v>
      </c>
      <c r="C866" s="16">
        <v>1</v>
      </c>
      <c r="D866" s="17">
        <v>511</v>
      </c>
      <c r="E866" s="17">
        <v>1503</v>
      </c>
      <c r="F866" s="25" t="s">
        <v>1022</v>
      </c>
      <c r="G866" s="26" t="s">
        <v>7103</v>
      </c>
      <c r="H866" s="25" t="s">
        <v>1023</v>
      </c>
      <c r="I866" s="25" t="s">
        <v>4860</v>
      </c>
      <c r="J866" s="53">
        <v>35.354985749999997</v>
      </c>
      <c r="K866" s="19">
        <v>139.34071</v>
      </c>
      <c r="L866" s="25" t="s">
        <v>2689</v>
      </c>
      <c r="M866" s="17" t="s">
        <v>3769</v>
      </c>
      <c r="N866" s="16"/>
      <c r="O866" s="19">
        <v>1976</v>
      </c>
      <c r="P866" s="19">
        <v>1</v>
      </c>
      <c r="Q866" s="22"/>
      <c r="R866" s="23">
        <v>45065</v>
      </c>
    </row>
    <row r="867" spans="1:18" ht="14.25" customHeight="1" x14ac:dyDescent="0.2">
      <c r="A867" s="15" t="s">
        <v>8560</v>
      </c>
      <c r="B867" s="10" t="s">
        <v>7799</v>
      </c>
      <c r="C867" s="16">
        <v>1</v>
      </c>
      <c r="D867" s="17">
        <v>511</v>
      </c>
      <c r="E867" s="17">
        <v>1503</v>
      </c>
      <c r="F867" s="25" t="s">
        <v>1024</v>
      </c>
      <c r="G867" s="26" t="s">
        <v>7104</v>
      </c>
      <c r="H867" s="25" t="s">
        <v>10325</v>
      </c>
      <c r="I867" s="25" t="s">
        <v>10466</v>
      </c>
      <c r="J867" s="53">
        <v>35.390529999999998</v>
      </c>
      <c r="K867" s="19">
        <v>139.36679000000001</v>
      </c>
      <c r="L867" s="25" t="s">
        <v>2690</v>
      </c>
      <c r="M867" s="17" t="s">
        <v>3770</v>
      </c>
      <c r="N867" s="16"/>
      <c r="O867" s="19">
        <v>1976</v>
      </c>
      <c r="P867" s="19">
        <v>1</v>
      </c>
      <c r="Q867" s="22"/>
      <c r="R867" s="23">
        <v>45065</v>
      </c>
    </row>
    <row r="868" spans="1:18" ht="14.25" customHeight="1" x14ac:dyDescent="0.2">
      <c r="A868" s="15" t="s">
        <v>8561</v>
      </c>
      <c r="B868" s="10" t="s">
        <v>7799</v>
      </c>
      <c r="C868" s="16">
        <v>1</v>
      </c>
      <c r="D868" s="17">
        <v>511</v>
      </c>
      <c r="E868" s="17">
        <v>1503</v>
      </c>
      <c r="F868" s="25" t="s">
        <v>1025</v>
      </c>
      <c r="G868" s="26" t="s">
        <v>7105</v>
      </c>
      <c r="H868" s="25" t="s">
        <v>1026</v>
      </c>
      <c r="I868" s="25" t="s">
        <v>4861</v>
      </c>
      <c r="J868" s="53">
        <v>35.316680509999998</v>
      </c>
      <c r="K868" s="19">
        <v>139.33862629999999</v>
      </c>
      <c r="L868" s="25" t="s">
        <v>2691</v>
      </c>
      <c r="M868" s="17" t="s">
        <v>3771</v>
      </c>
      <c r="N868" s="16"/>
      <c r="O868" s="19">
        <v>1977</v>
      </c>
      <c r="P868" s="19">
        <v>1</v>
      </c>
      <c r="Q868" s="22"/>
      <c r="R868" s="23">
        <v>45065</v>
      </c>
    </row>
    <row r="869" spans="1:18" ht="14.25" customHeight="1" x14ac:dyDescent="0.2">
      <c r="A869" s="15" t="s">
        <v>8562</v>
      </c>
      <c r="B869" s="10" t="s">
        <v>7799</v>
      </c>
      <c r="C869" s="16">
        <v>1</v>
      </c>
      <c r="D869" s="17">
        <v>511</v>
      </c>
      <c r="E869" s="17">
        <v>1503</v>
      </c>
      <c r="F869" s="25" t="s">
        <v>1027</v>
      </c>
      <c r="G869" s="26" t="s">
        <v>7106</v>
      </c>
      <c r="H869" s="25" t="s">
        <v>1028</v>
      </c>
      <c r="I869" s="25" t="s">
        <v>4862</v>
      </c>
      <c r="J869" s="53">
        <v>35.333376559999998</v>
      </c>
      <c r="K869" s="19">
        <v>139.3054214</v>
      </c>
      <c r="L869" s="25" t="s">
        <v>2692</v>
      </c>
      <c r="M869" s="17" t="s">
        <v>3772</v>
      </c>
      <c r="N869" s="16"/>
      <c r="O869" s="19">
        <v>1977</v>
      </c>
      <c r="P869" s="19">
        <v>1</v>
      </c>
      <c r="Q869" s="22"/>
      <c r="R869" s="23">
        <v>45065</v>
      </c>
    </row>
    <row r="870" spans="1:18" ht="14.25" customHeight="1" x14ac:dyDescent="0.2">
      <c r="A870" s="15" t="s">
        <v>8563</v>
      </c>
      <c r="B870" s="10" t="s">
        <v>7799</v>
      </c>
      <c r="C870" s="16">
        <v>1</v>
      </c>
      <c r="D870" s="17">
        <v>511</v>
      </c>
      <c r="E870" s="17">
        <v>1503</v>
      </c>
      <c r="F870" s="25" t="s">
        <v>1029</v>
      </c>
      <c r="G870" s="26" t="s">
        <v>7107</v>
      </c>
      <c r="H870" s="25" t="s">
        <v>1030</v>
      </c>
      <c r="I870" s="25" t="s">
        <v>4863</v>
      </c>
      <c r="J870" s="53">
        <v>35.341535389999997</v>
      </c>
      <c r="K870" s="19">
        <v>139.31235330000001</v>
      </c>
      <c r="L870" s="25" t="s">
        <v>2693</v>
      </c>
      <c r="M870" s="17" t="s">
        <v>3773</v>
      </c>
      <c r="N870" s="16"/>
      <c r="O870" s="19">
        <v>1979</v>
      </c>
      <c r="P870" s="19">
        <v>1</v>
      </c>
      <c r="Q870" s="22"/>
      <c r="R870" s="23">
        <v>45065</v>
      </c>
    </row>
    <row r="871" spans="1:18" ht="14.25" customHeight="1" x14ac:dyDescent="0.2">
      <c r="A871" s="15" t="s">
        <v>8564</v>
      </c>
      <c r="B871" s="10" t="s">
        <v>7799</v>
      </c>
      <c r="C871" s="16">
        <v>1</v>
      </c>
      <c r="D871" s="17">
        <v>511</v>
      </c>
      <c r="E871" s="17">
        <v>1503</v>
      </c>
      <c r="F871" s="25" t="s">
        <v>1031</v>
      </c>
      <c r="G871" s="26" t="s">
        <v>7108</v>
      </c>
      <c r="H871" s="25" t="s">
        <v>1032</v>
      </c>
      <c r="I871" s="25" t="s">
        <v>4864</v>
      </c>
      <c r="J871" s="53">
        <v>35.363466750000001</v>
      </c>
      <c r="K871" s="19">
        <v>139.2872572</v>
      </c>
      <c r="L871" s="25" t="s">
        <v>2694</v>
      </c>
      <c r="M871" s="17" t="s">
        <v>3774</v>
      </c>
      <c r="N871" s="16"/>
      <c r="O871" s="19">
        <v>1979</v>
      </c>
      <c r="P871" s="19">
        <v>1</v>
      </c>
      <c r="Q871" s="22"/>
      <c r="R871" s="23">
        <v>45065</v>
      </c>
    </row>
    <row r="872" spans="1:18" ht="14.25" customHeight="1" x14ac:dyDescent="0.2">
      <c r="A872" s="15" t="s">
        <v>8565</v>
      </c>
      <c r="B872" s="10" t="s">
        <v>7799</v>
      </c>
      <c r="C872" s="16">
        <v>1</v>
      </c>
      <c r="D872" s="17">
        <v>511</v>
      </c>
      <c r="E872" s="17">
        <v>1503</v>
      </c>
      <c r="F872" s="25" t="s">
        <v>1033</v>
      </c>
      <c r="G872" s="26" t="s">
        <v>7109</v>
      </c>
      <c r="H872" s="25" t="s">
        <v>1034</v>
      </c>
      <c r="I872" s="25" t="s">
        <v>10676</v>
      </c>
      <c r="J872" s="53">
        <v>35.330521900000001</v>
      </c>
      <c r="K872" s="19">
        <v>139.31674599999999</v>
      </c>
      <c r="L872" s="25" t="s">
        <v>2695</v>
      </c>
      <c r="M872" s="17" t="s">
        <v>3775</v>
      </c>
      <c r="N872" s="16"/>
      <c r="O872" s="19">
        <v>1983</v>
      </c>
      <c r="P872" s="19">
        <v>1</v>
      </c>
      <c r="Q872" s="22"/>
      <c r="R872" s="23">
        <v>45065</v>
      </c>
    </row>
    <row r="873" spans="1:18" ht="14.25" customHeight="1" x14ac:dyDescent="0.2">
      <c r="A873" s="15" t="s">
        <v>8566</v>
      </c>
      <c r="B873" s="10" t="s">
        <v>7799</v>
      </c>
      <c r="C873" s="16">
        <v>1</v>
      </c>
      <c r="D873" s="17">
        <v>511</v>
      </c>
      <c r="E873" s="17">
        <v>1503</v>
      </c>
      <c r="F873" s="25" t="s">
        <v>1035</v>
      </c>
      <c r="G873" s="26" t="s">
        <v>7110</v>
      </c>
      <c r="H873" s="25" t="s">
        <v>1036</v>
      </c>
      <c r="I873" s="25" t="s">
        <v>4865</v>
      </c>
      <c r="J873" s="53">
        <v>35.344536400000003</v>
      </c>
      <c r="K873" s="19">
        <v>139.33854890000001</v>
      </c>
      <c r="L873" s="25" t="s">
        <v>2696</v>
      </c>
      <c r="M873" s="17" t="s">
        <v>3776</v>
      </c>
      <c r="N873" s="16"/>
      <c r="O873" s="19">
        <v>1985</v>
      </c>
      <c r="P873" s="19">
        <v>1</v>
      </c>
      <c r="Q873" s="22"/>
      <c r="R873" s="23">
        <v>45065</v>
      </c>
    </row>
    <row r="874" spans="1:18" ht="14.25" customHeight="1" x14ac:dyDescent="0.2">
      <c r="A874" s="15" t="s">
        <v>8567</v>
      </c>
      <c r="B874" s="10" t="s">
        <v>7799</v>
      </c>
      <c r="C874" s="16">
        <v>2</v>
      </c>
      <c r="D874" s="16">
        <v>512</v>
      </c>
      <c r="E874" s="16">
        <v>1504</v>
      </c>
      <c r="F874" s="31" t="s">
        <v>1693</v>
      </c>
      <c r="G874" s="32" t="s">
        <v>7111</v>
      </c>
      <c r="H874" s="31" t="s">
        <v>983</v>
      </c>
      <c r="I874" s="31" t="s">
        <v>4866</v>
      </c>
      <c r="J874" s="53">
        <v>35.335682570000003</v>
      </c>
      <c r="K874" s="19">
        <v>139.34794629999999</v>
      </c>
      <c r="L874" s="31" t="s">
        <v>2697</v>
      </c>
      <c r="M874" s="31" t="s">
        <v>3777</v>
      </c>
      <c r="N874" s="16"/>
      <c r="O874" s="19">
        <v>1947</v>
      </c>
      <c r="P874" s="19">
        <v>0</v>
      </c>
      <c r="Q874" s="22"/>
      <c r="R874" s="23">
        <v>45065</v>
      </c>
    </row>
    <row r="875" spans="1:18" ht="14.25" customHeight="1" x14ac:dyDescent="0.2">
      <c r="A875" s="15" t="s">
        <v>8568</v>
      </c>
      <c r="B875" s="10" t="s">
        <v>7799</v>
      </c>
      <c r="C875" s="16">
        <v>2</v>
      </c>
      <c r="D875" s="16">
        <v>512</v>
      </c>
      <c r="E875" s="16">
        <v>1504</v>
      </c>
      <c r="F875" s="31" t="s">
        <v>9935</v>
      </c>
      <c r="G875" s="32" t="s">
        <v>7112</v>
      </c>
      <c r="H875" s="31" t="s">
        <v>1694</v>
      </c>
      <c r="I875" s="31" t="s">
        <v>4867</v>
      </c>
      <c r="J875" s="53">
        <v>35.320434300000002</v>
      </c>
      <c r="K875" s="19">
        <v>139.35605709999999</v>
      </c>
      <c r="L875" s="31" t="s">
        <v>2698</v>
      </c>
      <c r="M875" s="31" t="s">
        <v>3778</v>
      </c>
      <c r="N875" s="16"/>
      <c r="O875" s="19">
        <v>1947</v>
      </c>
      <c r="P875" s="19">
        <v>0</v>
      </c>
      <c r="Q875" s="22"/>
      <c r="R875" s="23">
        <v>45065</v>
      </c>
    </row>
    <row r="876" spans="1:18" ht="14.25" customHeight="1" x14ac:dyDescent="0.2">
      <c r="A876" s="15" t="s">
        <v>8569</v>
      </c>
      <c r="B876" s="10" t="s">
        <v>7799</v>
      </c>
      <c r="C876" s="16">
        <v>2</v>
      </c>
      <c r="D876" s="16">
        <v>512</v>
      </c>
      <c r="E876" s="16">
        <v>1504</v>
      </c>
      <c r="F876" s="31" t="s">
        <v>9936</v>
      </c>
      <c r="G876" s="32" t="s">
        <v>7113</v>
      </c>
      <c r="H876" s="31" t="s">
        <v>989</v>
      </c>
      <c r="I876" s="31" t="s">
        <v>4868</v>
      </c>
      <c r="J876" s="53">
        <v>35.331494730000003</v>
      </c>
      <c r="K876" s="19">
        <v>139.3306134</v>
      </c>
      <c r="L876" s="31" t="s">
        <v>2699</v>
      </c>
      <c r="M876" s="31" t="s">
        <v>3779</v>
      </c>
      <c r="N876" s="16"/>
      <c r="O876" s="19">
        <v>1947</v>
      </c>
      <c r="P876" s="19">
        <v>0</v>
      </c>
      <c r="Q876" s="22"/>
      <c r="R876" s="23">
        <v>45065</v>
      </c>
    </row>
    <row r="877" spans="1:18" ht="14.25" customHeight="1" x14ac:dyDescent="0.2">
      <c r="A877" s="15" t="s">
        <v>8570</v>
      </c>
      <c r="B877" s="10" t="s">
        <v>7799</v>
      </c>
      <c r="C877" s="16">
        <v>2</v>
      </c>
      <c r="D877" s="16">
        <v>512</v>
      </c>
      <c r="E877" s="16">
        <v>1504</v>
      </c>
      <c r="F877" s="31" t="s">
        <v>9937</v>
      </c>
      <c r="G877" s="32" t="s">
        <v>7114</v>
      </c>
      <c r="H877" s="31" t="s">
        <v>991</v>
      </c>
      <c r="I877" s="31" t="s">
        <v>4869</v>
      </c>
      <c r="J877" s="53">
        <v>35.319971590000002</v>
      </c>
      <c r="K877" s="19">
        <v>139.34398730000001</v>
      </c>
      <c r="L877" s="31" t="s">
        <v>2700</v>
      </c>
      <c r="M877" s="31" t="s">
        <v>3780</v>
      </c>
      <c r="N877" s="16"/>
      <c r="O877" s="19">
        <v>1947</v>
      </c>
      <c r="P877" s="19">
        <v>0</v>
      </c>
      <c r="Q877" s="22"/>
      <c r="R877" s="23">
        <v>45065</v>
      </c>
    </row>
    <row r="878" spans="1:18" ht="14.25" customHeight="1" x14ac:dyDescent="0.2">
      <c r="A878" s="15" t="s">
        <v>8571</v>
      </c>
      <c r="B878" s="10" t="s">
        <v>7799</v>
      </c>
      <c r="C878" s="16">
        <v>2</v>
      </c>
      <c r="D878" s="16">
        <v>512</v>
      </c>
      <c r="E878" s="16">
        <v>1504</v>
      </c>
      <c r="F878" s="31" t="s">
        <v>5328</v>
      </c>
      <c r="G878" s="32" t="s">
        <v>7115</v>
      </c>
      <c r="H878" s="31" t="s">
        <v>1023</v>
      </c>
      <c r="I878" s="31" t="s">
        <v>4870</v>
      </c>
      <c r="J878" s="53">
        <v>35.354503700000002</v>
      </c>
      <c r="K878" s="19">
        <v>139.34183759999999</v>
      </c>
      <c r="L878" s="31" t="s">
        <v>2701</v>
      </c>
      <c r="M878" s="31" t="s">
        <v>3781</v>
      </c>
      <c r="N878" s="16"/>
      <c r="O878" s="19">
        <v>1947</v>
      </c>
      <c r="P878" s="19">
        <v>0</v>
      </c>
      <c r="Q878" s="22"/>
      <c r="R878" s="23">
        <v>45065</v>
      </c>
    </row>
    <row r="879" spans="1:18" ht="14.25" customHeight="1" x14ac:dyDescent="0.2">
      <c r="A879" s="15" t="s">
        <v>8572</v>
      </c>
      <c r="B879" s="10" t="s">
        <v>7799</v>
      </c>
      <c r="C879" s="16">
        <v>2</v>
      </c>
      <c r="D879" s="16">
        <v>512</v>
      </c>
      <c r="E879" s="16">
        <v>1504</v>
      </c>
      <c r="F879" s="31" t="s">
        <v>10326</v>
      </c>
      <c r="G879" s="32" t="s">
        <v>7116</v>
      </c>
      <c r="H879" s="31" t="s">
        <v>1001</v>
      </c>
      <c r="I879" s="31" t="s">
        <v>4871</v>
      </c>
      <c r="J879" s="53">
        <v>35.378886299999998</v>
      </c>
      <c r="K879" s="19">
        <v>139.35901849999999</v>
      </c>
      <c r="L879" s="31" t="s">
        <v>2702</v>
      </c>
      <c r="M879" s="31" t="s">
        <v>3782</v>
      </c>
      <c r="N879" s="16"/>
      <c r="O879" s="19">
        <v>1947</v>
      </c>
      <c r="P879" s="19">
        <v>0</v>
      </c>
      <c r="Q879" s="22"/>
      <c r="R879" s="23">
        <v>45065</v>
      </c>
    </row>
    <row r="880" spans="1:18" ht="14.25" customHeight="1" x14ac:dyDescent="0.2">
      <c r="A880" s="15" t="s">
        <v>8573</v>
      </c>
      <c r="B880" s="10" t="s">
        <v>7799</v>
      </c>
      <c r="C880" s="16">
        <v>2</v>
      </c>
      <c r="D880" s="16">
        <v>512</v>
      </c>
      <c r="E880" s="16">
        <v>1504</v>
      </c>
      <c r="F880" s="31" t="s">
        <v>5329</v>
      </c>
      <c r="G880" s="32" t="s">
        <v>7117</v>
      </c>
      <c r="H880" s="31" t="s">
        <v>1009</v>
      </c>
      <c r="I880" s="31" t="s">
        <v>4872</v>
      </c>
      <c r="J880" s="53">
        <v>35.346129599999998</v>
      </c>
      <c r="K880" s="19">
        <v>139.2689756</v>
      </c>
      <c r="L880" s="31" t="s">
        <v>2703</v>
      </c>
      <c r="M880" s="31" t="s">
        <v>3783</v>
      </c>
      <c r="N880" s="16"/>
      <c r="O880" s="19">
        <v>1947</v>
      </c>
      <c r="P880" s="19">
        <v>0</v>
      </c>
      <c r="Q880" s="22"/>
      <c r="R880" s="23">
        <v>45065</v>
      </c>
    </row>
    <row r="881" spans="1:18" ht="14.25" customHeight="1" x14ac:dyDescent="0.2">
      <c r="A881" s="15" t="s">
        <v>8574</v>
      </c>
      <c r="B881" s="10" t="s">
        <v>7799</v>
      </c>
      <c r="C881" s="16">
        <v>2</v>
      </c>
      <c r="D881" s="16">
        <v>512</v>
      </c>
      <c r="E881" s="16">
        <v>1504</v>
      </c>
      <c r="F881" s="31" t="s">
        <v>10327</v>
      </c>
      <c r="G881" s="32" t="s">
        <v>7118</v>
      </c>
      <c r="H881" s="31" t="s">
        <v>1695</v>
      </c>
      <c r="I881" s="31" t="s">
        <v>4873</v>
      </c>
      <c r="J881" s="53">
        <v>35.355783440000003</v>
      </c>
      <c r="K881" s="19">
        <v>139.30432959999999</v>
      </c>
      <c r="L881" s="31" t="s">
        <v>2704</v>
      </c>
      <c r="M881" s="31" t="s">
        <v>3784</v>
      </c>
      <c r="N881" s="16"/>
      <c r="O881" s="19">
        <v>1947</v>
      </c>
      <c r="P881" s="19">
        <v>0</v>
      </c>
      <c r="Q881" s="22"/>
      <c r="R881" s="23">
        <v>45065</v>
      </c>
    </row>
    <row r="882" spans="1:18" ht="14.25" customHeight="1" x14ac:dyDescent="0.2">
      <c r="A882" s="15" t="s">
        <v>8575</v>
      </c>
      <c r="B882" s="10" t="s">
        <v>7799</v>
      </c>
      <c r="C882" s="16">
        <v>2</v>
      </c>
      <c r="D882" s="16">
        <v>512</v>
      </c>
      <c r="E882" s="16">
        <v>1504</v>
      </c>
      <c r="F882" s="31" t="s">
        <v>9938</v>
      </c>
      <c r="G882" s="32" t="s">
        <v>7119</v>
      </c>
      <c r="H882" s="31" t="s">
        <v>997</v>
      </c>
      <c r="I882" s="31" t="s">
        <v>4874</v>
      </c>
      <c r="J882" s="53">
        <v>35.350715299999997</v>
      </c>
      <c r="K882" s="19">
        <v>139.3251483</v>
      </c>
      <c r="L882" s="31" t="s">
        <v>2705</v>
      </c>
      <c r="M882" s="31" t="s">
        <v>3785</v>
      </c>
      <c r="N882" s="16"/>
      <c r="O882" s="19">
        <v>1974</v>
      </c>
      <c r="P882" s="19">
        <v>0</v>
      </c>
      <c r="Q882" s="22"/>
      <c r="R882" s="23">
        <v>45065</v>
      </c>
    </row>
    <row r="883" spans="1:18" ht="14.25" customHeight="1" x14ac:dyDescent="0.2">
      <c r="A883" s="15" t="s">
        <v>8576</v>
      </c>
      <c r="B883" s="10" t="s">
        <v>7799</v>
      </c>
      <c r="C883" s="16">
        <v>2</v>
      </c>
      <c r="D883" s="16">
        <v>512</v>
      </c>
      <c r="E883" s="16">
        <v>1504</v>
      </c>
      <c r="F883" s="31" t="s">
        <v>9939</v>
      </c>
      <c r="G883" s="32" t="s">
        <v>7120</v>
      </c>
      <c r="H883" s="31" t="s">
        <v>1696</v>
      </c>
      <c r="I883" s="31" t="s">
        <v>4875</v>
      </c>
      <c r="J883" s="53">
        <v>35.371558100000001</v>
      </c>
      <c r="K883" s="19">
        <v>139.323486</v>
      </c>
      <c r="L883" s="31" t="s">
        <v>2706</v>
      </c>
      <c r="M883" s="31" t="s">
        <v>3786</v>
      </c>
      <c r="N883" s="16"/>
      <c r="O883" s="19">
        <v>1975</v>
      </c>
      <c r="P883" s="19">
        <v>0</v>
      </c>
      <c r="Q883" s="22"/>
      <c r="R883" s="23">
        <v>45065</v>
      </c>
    </row>
    <row r="884" spans="1:18" s="29" customFormat="1" ht="14.25" customHeight="1" x14ac:dyDescent="0.2">
      <c r="A884" s="15" t="s">
        <v>8577</v>
      </c>
      <c r="B884" s="10" t="s">
        <v>7799</v>
      </c>
      <c r="C884" s="16">
        <v>2</v>
      </c>
      <c r="D884" s="16">
        <v>512</v>
      </c>
      <c r="E884" s="16">
        <v>1504</v>
      </c>
      <c r="F884" s="31" t="s">
        <v>10328</v>
      </c>
      <c r="G884" s="32" t="s">
        <v>7121</v>
      </c>
      <c r="H884" s="31" t="s">
        <v>1028</v>
      </c>
      <c r="I884" s="31" t="s">
        <v>4876</v>
      </c>
      <c r="J884" s="53">
        <v>35.332160600000002</v>
      </c>
      <c r="K884" s="19">
        <v>139.3083661</v>
      </c>
      <c r="L884" s="31" t="s">
        <v>2707</v>
      </c>
      <c r="M884" s="31" t="s">
        <v>3787</v>
      </c>
      <c r="N884" s="16"/>
      <c r="O884" s="19">
        <v>1977</v>
      </c>
      <c r="P884" s="19">
        <v>0</v>
      </c>
      <c r="Q884" s="22"/>
      <c r="R884" s="23">
        <v>45065</v>
      </c>
    </row>
    <row r="885" spans="1:18" s="29" customFormat="1" ht="14.25" customHeight="1" x14ac:dyDescent="0.2">
      <c r="A885" s="15" t="s">
        <v>8578</v>
      </c>
      <c r="B885" s="10" t="s">
        <v>7799</v>
      </c>
      <c r="C885" s="16">
        <v>2</v>
      </c>
      <c r="D885" s="16">
        <v>512</v>
      </c>
      <c r="E885" s="16">
        <v>1504</v>
      </c>
      <c r="F885" s="31" t="s">
        <v>10329</v>
      </c>
      <c r="G885" s="32" t="s">
        <v>7122</v>
      </c>
      <c r="H885" s="31" t="s">
        <v>1697</v>
      </c>
      <c r="I885" s="31" t="s">
        <v>4877</v>
      </c>
      <c r="J885" s="53">
        <v>35.349290000000003</v>
      </c>
      <c r="K885" s="19">
        <v>139.349571</v>
      </c>
      <c r="L885" s="31" t="s">
        <v>2708</v>
      </c>
      <c r="M885" s="31" t="s">
        <v>3788</v>
      </c>
      <c r="N885" s="16"/>
      <c r="O885" s="19">
        <v>1978</v>
      </c>
      <c r="P885" s="19">
        <v>0</v>
      </c>
      <c r="Q885" s="22"/>
      <c r="R885" s="23">
        <v>45065</v>
      </c>
    </row>
    <row r="886" spans="1:18" s="29" customFormat="1" ht="14.25" customHeight="1" x14ac:dyDescent="0.2">
      <c r="A886" s="15" t="s">
        <v>8579</v>
      </c>
      <c r="B886" s="10" t="s">
        <v>7799</v>
      </c>
      <c r="C886" s="16">
        <v>2</v>
      </c>
      <c r="D886" s="16">
        <v>512</v>
      </c>
      <c r="E886" s="16">
        <v>1504</v>
      </c>
      <c r="F886" s="31" t="s">
        <v>5330</v>
      </c>
      <c r="G886" s="32" t="s">
        <v>7123</v>
      </c>
      <c r="H886" s="31" t="s">
        <v>1012</v>
      </c>
      <c r="I886" s="31" t="s">
        <v>4878</v>
      </c>
      <c r="J886" s="53">
        <v>35.361058479999997</v>
      </c>
      <c r="K886" s="19">
        <v>139.2917583</v>
      </c>
      <c r="L886" s="31" t="s">
        <v>2709</v>
      </c>
      <c r="M886" s="31" t="s">
        <v>3789</v>
      </c>
      <c r="N886" s="16"/>
      <c r="O886" s="19">
        <v>1983</v>
      </c>
      <c r="P886" s="19">
        <v>0</v>
      </c>
      <c r="Q886" s="22"/>
      <c r="R886" s="23">
        <v>45065</v>
      </c>
    </row>
    <row r="887" spans="1:18" s="29" customFormat="1" ht="14.25" customHeight="1" x14ac:dyDescent="0.2">
      <c r="A887" s="15" t="s">
        <v>8580</v>
      </c>
      <c r="B887" s="10" t="s">
        <v>7799</v>
      </c>
      <c r="C887" s="16">
        <v>2</v>
      </c>
      <c r="D887" s="16">
        <v>512</v>
      </c>
      <c r="E887" s="16">
        <v>1504</v>
      </c>
      <c r="F887" s="31" t="s">
        <v>1803</v>
      </c>
      <c r="G887" s="32" t="s">
        <v>10467</v>
      </c>
      <c r="H887" s="31" t="s">
        <v>10330</v>
      </c>
      <c r="I887" s="31" t="s">
        <v>4855</v>
      </c>
      <c r="J887" s="52">
        <v>35.352780000000003</v>
      </c>
      <c r="K887" s="19">
        <v>139.29512</v>
      </c>
      <c r="L887" s="31" t="s">
        <v>5326</v>
      </c>
      <c r="M887" s="31" t="s">
        <v>5327</v>
      </c>
      <c r="N887" s="16"/>
      <c r="O887" s="19">
        <v>2017</v>
      </c>
      <c r="P887" s="19">
        <v>0</v>
      </c>
      <c r="Q887" s="22"/>
      <c r="R887" s="23">
        <v>45065</v>
      </c>
    </row>
    <row r="888" spans="1:18" s="29" customFormat="1" ht="14.25" customHeight="1" x14ac:dyDescent="0.2">
      <c r="A888" s="15" t="s">
        <v>8581</v>
      </c>
      <c r="B888" s="10" t="s">
        <v>7799</v>
      </c>
      <c r="C888" s="16">
        <v>2</v>
      </c>
      <c r="D888" s="16">
        <v>512</v>
      </c>
      <c r="E888" s="16">
        <v>1504</v>
      </c>
      <c r="F888" s="31" t="s">
        <v>10331</v>
      </c>
      <c r="G888" s="32" t="s">
        <v>7124</v>
      </c>
      <c r="H888" s="31" t="s">
        <v>1015</v>
      </c>
      <c r="I888" s="31" t="s">
        <v>4879</v>
      </c>
      <c r="J888" s="53">
        <v>35.373709859999998</v>
      </c>
      <c r="K888" s="19">
        <v>139.3537283</v>
      </c>
      <c r="L888" s="31" t="s">
        <v>2710</v>
      </c>
      <c r="M888" s="31" t="s">
        <v>3790</v>
      </c>
      <c r="N888" s="16"/>
      <c r="O888" s="19">
        <v>1985</v>
      </c>
      <c r="P888" s="19">
        <v>0</v>
      </c>
      <c r="Q888" s="22"/>
      <c r="R888" s="23">
        <v>45065</v>
      </c>
    </row>
    <row r="889" spans="1:18" s="29" customFormat="1" ht="14.25" customHeight="1" x14ac:dyDescent="0.2">
      <c r="A889" s="15" t="s">
        <v>8582</v>
      </c>
      <c r="B889" s="10" t="s">
        <v>7799</v>
      </c>
      <c r="C889" s="16">
        <v>2</v>
      </c>
      <c r="D889" s="16">
        <v>512</v>
      </c>
      <c r="E889" s="16">
        <v>1504</v>
      </c>
      <c r="F889" s="31" t="s">
        <v>5331</v>
      </c>
      <c r="G889" s="32" t="s">
        <v>7125</v>
      </c>
      <c r="H889" s="31" t="s">
        <v>1698</v>
      </c>
      <c r="I889" s="31" t="s">
        <v>4880</v>
      </c>
      <c r="J889" s="53">
        <v>35.340881400000001</v>
      </c>
      <c r="K889" s="19">
        <v>139.300186</v>
      </c>
      <c r="L889" s="31" t="s">
        <v>2711</v>
      </c>
      <c r="M889" s="31" t="s">
        <v>3791</v>
      </c>
      <c r="N889" s="16"/>
      <c r="O889" s="19">
        <v>1989</v>
      </c>
      <c r="P889" s="19">
        <v>0</v>
      </c>
      <c r="Q889" s="22"/>
      <c r="R889" s="23">
        <v>45065</v>
      </c>
    </row>
    <row r="890" spans="1:18" s="29" customFormat="1" ht="14.25" customHeight="1" x14ac:dyDescent="0.2">
      <c r="A890" s="15" t="s">
        <v>10437</v>
      </c>
      <c r="B890" s="10" t="s">
        <v>1809</v>
      </c>
      <c r="C890" s="16">
        <v>1</v>
      </c>
      <c r="D890" s="17">
        <v>511</v>
      </c>
      <c r="E890" s="17">
        <v>1503</v>
      </c>
      <c r="F890" s="25" t="s">
        <v>1037</v>
      </c>
      <c r="G890" s="26" t="s">
        <v>7126</v>
      </c>
      <c r="H890" s="25" t="s">
        <v>1038</v>
      </c>
      <c r="I890" s="25" t="s">
        <v>4881</v>
      </c>
      <c r="J890" s="18"/>
      <c r="K890" s="19"/>
      <c r="L890" s="25" t="s">
        <v>2712</v>
      </c>
      <c r="M890" s="17" t="s">
        <v>10438</v>
      </c>
      <c r="N890" s="54" t="s">
        <v>10522</v>
      </c>
      <c r="O890" s="19">
        <v>1893</v>
      </c>
      <c r="P890" s="19">
        <v>1</v>
      </c>
      <c r="Q890" s="22"/>
      <c r="R890" s="23">
        <v>45065</v>
      </c>
    </row>
    <row r="891" spans="1:18" s="29" customFormat="1" ht="14.25" customHeight="1" x14ac:dyDescent="0.2">
      <c r="A891" s="15" t="s">
        <v>8897</v>
      </c>
      <c r="B891" s="10" t="s">
        <v>1809</v>
      </c>
      <c r="C891" s="16">
        <v>1</v>
      </c>
      <c r="D891" s="17">
        <v>511</v>
      </c>
      <c r="E891" s="17">
        <v>1503</v>
      </c>
      <c r="F891" s="25" t="s">
        <v>1039</v>
      </c>
      <c r="G891" s="26" t="s">
        <v>7127</v>
      </c>
      <c r="H891" s="25" t="s">
        <v>1040</v>
      </c>
      <c r="I891" s="25" t="s">
        <v>4882</v>
      </c>
      <c r="J891" s="18"/>
      <c r="K891" s="19"/>
      <c r="L891" s="25" t="s">
        <v>2713</v>
      </c>
      <c r="M891" s="17" t="s">
        <v>10439</v>
      </c>
      <c r="N891" s="54" t="s">
        <v>10523</v>
      </c>
      <c r="O891" s="19">
        <v>1926</v>
      </c>
      <c r="P891" s="19">
        <v>1</v>
      </c>
      <c r="Q891" s="22"/>
      <c r="R891" s="23">
        <v>45065</v>
      </c>
    </row>
    <row r="892" spans="1:18" s="29" customFormat="1" ht="14.25" customHeight="1" x14ac:dyDescent="0.2">
      <c r="A892" s="15" t="s">
        <v>8898</v>
      </c>
      <c r="B892" s="10" t="s">
        <v>1809</v>
      </c>
      <c r="C892" s="16">
        <v>1</v>
      </c>
      <c r="D892" s="17">
        <v>511</v>
      </c>
      <c r="E892" s="17">
        <v>1503</v>
      </c>
      <c r="F892" s="25" t="s">
        <v>1041</v>
      </c>
      <c r="G892" s="26" t="s">
        <v>7128</v>
      </c>
      <c r="H892" s="25" t="s">
        <v>1042</v>
      </c>
      <c r="I892" s="25" t="s">
        <v>4883</v>
      </c>
      <c r="J892" s="18"/>
      <c r="K892" s="19"/>
      <c r="L892" s="25" t="s">
        <v>2714</v>
      </c>
      <c r="M892" s="17" t="s">
        <v>10440</v>
      </c>
      <c r="N892" s="54" t="s">
        <v>10524</v>
      </c>
      <c r="O892" s="19">
        <v>1933</v>
      </c>
      <c r="P892" s="19">
        <v>1</v>
      </c>
      <c r="Q892" s="22"/>
      <c r="R892" s="23">
        <v>45065</v>
      </c>
    </row>
    <row r="893" spans="1:18" s="29" customFormat="1" ht="14.25" customHeight="1" x14ac:dyDescent="0.2">
      <c r="A893" s="15" t="s">
        <v>8899</v>
      </c>
      <c r="B893" s="10" t="s">
        <v>1809</v>
      </c>
      <c r="C893" s="16">
        <v>1</v>
      </c>
      <c r="D893" s="17">
        <v>511</v>
      </c>
      <c r="E893" s="17">
        <v>1503</v>
      </c>
      <c r="F893" s="25" t="s">
        <v>1043</v>
      </c>
      <c r="G893" s="26" t="s">
        <v>7129</v>
      </c>
      <c r="H893" s="25" t="s">
        <v>1044</v>
      </c>
      <c r="I893" s="25" t="s">
        <v>4884</v>
      </c>
      <c r="J893" s="18"/>
      <c r="K893" s="19"/>
      <c r="L893" s="25" t="s">
        <v>2715</v>
      </c>
      <c r="M893" s="17" t="s">
        <v>10441</v>
      </c>
      <c r="N893" s="54" t="s">
        <v>10525</v>
      </c>
      <c r="O893" s="19">
        <v>1948</v>
      </c>
      <c r="P893" s="19">
        <v>1</v>
      </c>
      <c r="Q893" s="22"/>
      <c r="R893" s="23">
        <v>45065</v>
      </c>
    </row>
    <row r="894" spans="1:18" s="29" customFormat="1" ht="14.25" customHeight="1" x14ac:dyDescent="0.2">
      <c r="A894" s="15" t="s">
        <v>8900</v>
      </c>
      <c r="B894" s="10" t="s">
        <v>1809</v>
      </c>
      <c r="C894" s="16">
        <v>1</v>
      </c>
      <c r="D894" s="17">
        <v>511</v>
      </c>
      <c r="E894" s="17">
        <v>1503</v>
      </c>
      <c r="F894" s="25" t="s">
        <v>1045</v>
      </c>
      <c r="G894" s="26" t="s">
        <v>7130</v>
      </c>
      <c r="H894" s="25" t="s">
        <v>1046</v>
      </c>
      <c r="I894" s="25" t="s">
        <v>4885</v>
      </c>
      <c r="J894" s="18"/>
      <c r="K894" s="19"/>
      <c r="L894" s="25" t="s">
        <v>2716</v>
      </c>
      <c r="M894" s="17" t="s">
        <v>10442</v>
      </c>
      <c r="N894" s="54" t="s">
        <v>10526</v>
      </c>
      <c r="O894" s="19">
        <v>1872</v>
      </c>
      <c r="P894" s="19">
        <v>1</v>
      </c>
      <c r="Q894" s="22"/>
      <c r="R894" s="23">
        <v>45065</v>
      </c>
    </row>
    <row r="895" spans="1:18" s="29" customFormat="1" ht="14.25" customHeight="1" x14ac:dyDescent="0.2">
      <c r="A895" s="15" t="s">
        <v>8901</v>
      </c>
      <c r="B895" s="10" t="s">
        <v>1809</v>
      </c>
      <c r="C895" s="16">
        <v>1</v>
      </c>
      <c r="D895" s="17">
        <v>511</v>
      </c>
      <c r="E895" s="17">
        <v>1503</v>
      </c>
      <c r="F895" s="25" t="s">
        <v>1047</v>
      </c>
      <c r="G895" s="26" t="s">
        <v>7131</v>
      </c>
      <c r="H895" s="25" t="s">
        <v>1048</v>
      </c>
      <c r="I895" s="25" t="s">
        <v>4886</v>
      </c>
      <c r="J895" s="18"/>
      <c r="K895" s="19"/>
      <c r="L895" s="25" t="s">
        <v>2717</v>
      </c>
      <c r="M895" s="17" t="s">
        <v>10443</v>
      </c>
      <c r="N895" s="54" t="s">
        <v>10527</v>
      </c>
      <c r="O895" s="19">
        <v>1873</v>
      </c>
      <c r="P895" s="19">
        <v>1</v>
      </c>
      <c r="Q895" s="22"/>
      <c r="R895" s="23">
        <v>45065</v>
      </c>
    </row>
    <row r="896" spans="1:18" s="29" customFormat="1" ht="14.25" customHeight="1" x14ac:dyDescent="0.2">
      <c r="A896" s="15" t="s">
        <v>8902</v>
      </c>
      <c r="B896" s="10" t="s">
        <v>1809</v>
      </c>
      <c r="C896" s="16">
        <v>1</v>
      </c>
      <c r="D896" s="17">
        <v>511</v>
      </c>
      <c r="E896" s="17">
        <v>1503</v>
      </c>
      <c r="F896" s="25" t="s">
        <v>1049</v>
      </c>
      <c r="G896" s="26" t="s">
        <v>7132</v>
      </c>
      <c r="H896" s="25" t="s">
        <v>1050</v>
      </c>
      <c r="I896" s="25" t="s">
        <v>4887</v>
      </c>
      <c r="J896" s="18"/>
      <c r="K896" s="19"/>
      <c r="L896" s="25" t="s">
        <v>2718</v>
      </c>
      <c r="M896" s="17" t="s">
        <v>10444</v>
      </c>
      <c r="N896" s="54" t="s">
        <v>10528</v>
      </c>
      <c r="O896" s="19">
        <v>1890</v>
      </c>
      <c r="P896" s="19">
        <v>1</v>
      </c>
      <c r="Q896" s="22"/>
      <c r="R896" s="23">
        <v>45065</v>
      </c>
    </row>
    <row r="897" spans="1:18" x14ac:dyDescent="0.2">
      <c r="A897" s="15" t="s">
        <v>10445</v>
      </c>
      <c r="B897" s="10" t="s">
        <v>1809</v>
      </c>
      <c r="C897" s="16">
        <v>1</v>
      </c>
      <c r="D897" s="17">
        <v>511</v>
      </c>
      <c r="E897" s="17">
        <v>1503</v>
      </c>
      <c r="F897" s="25" t="s">
        <v>1051</v>
      </c>
      <c r="G897" s="26" t="s">
        <v>7133</v>
      </c>
      <c r="H897" s="25" t="s">
        <v>1052</v>
      </c>
      <c r="I897" s="25" t="s">
        <v>4888</v>
      </c>
      <c r="J897" s="18"/>
      <c r="K897" s="19"/>
      <c r="L897" s="25" t="s">
        <v>2719</v>
      </c>
      <c r="M897" s="17" t="s">
        <v>10446</v>
      </c>
      <c r="N897" s="54" t="s">
        <v>10529</v>
      </c>
      <c r="O897" s="19">
        <v>1873</v>
      </c>
      <c r="P897" s="19">
        <v>1</v>
      </c>
      <c r="Q897" s="22"/>
      <c r="R897" s="23">
        <v>45065</v>
      </c>
    </row>
    <row r="898" spans="1:18" x14ac:dyDescent="0.2">
      <c r="A898" s="15" t="s">
        <v>8903</v>
      </c>
      <c r="B898" s="10" t="s">
        <v>1809</v>
      </c>
      <c r="C898" s="16">
        <v>1</v>
      </c>
      <c r="D898" s="17">
        <v>511</v>
      </c>
      <c r="E898" s="17">
        <v>1503</v>
      </c>
      <c r="F898" s="25" t="s">
        <v>1053</v>
      </c>
      <c r="G898" s="26" t="s">
        <v>7134</v>
      </c>
      <c r="H898" s="25" t="s">
        <v>1054</v>
      </c>
      <c r="I898" s="25" t="s">
        <v>4889</v>
      </c>
      <c r="J898" s="18"/>
      <c r="K898" s="19"/>
      <c r="L898" s="25" t="s">
        <v>2720</v>
      </c>
      <c r="M898" s="17" t="s">
        <v>10447</v>
      </c>
      <c r="N898" s="54" t="s">
        <v>10530</v>
      </c>
      <c r="O898" s="19">
        <v>1951</v>
      </c>
      <c r="P898" s="19">
        <v>1</v>
      </c>
      <c r="Q898" s="22"/>
      <c r="R898" s="23">
        <v>45065</v>
      </c>
    </row>
    <row r="899" spans="1:18" x14ac:dyDescent="0.2">
      <c r="A899" s="15" t="s">
        <v>8904</v>
      </c>
      <c r="B899" s="10" t="s">
        <v>1809</v>
      </c>
      <c r="C899" s="16">
        <v>1</v>
      </c>
      <c r="D899" s="17">
        <v>511</v>
      </c>
      <c r="E899" s="17">
        <v>1503</v>
      </c>
      <c r="F899" s="25" t="s">
        <v>1055</v>
      </c>
      <c r="G899" s="26" t="s">
        <v>7135</v>
      </c>
      <c r="H899" s="25" t="s">
        <v>1056</v>
      </c>
      <c r="I899" s="25" t="s">
        <v>4890</v>
      </c>
      <c r="J899" s="18"/>
      <c r="K899" s="19"/>
      <c r="L899" s="25" t="s">
        <v>2721</v>
      </c>
      <c r="M899" s="17" t="s">
        <v>10448</v>
      </c>
      <c r="N899" s="54" t="s">
        <v>10531</v>
      </c>
      <c r="O899" s="19">
        <v>1970</v>
      </c>
      <c r="P899" s="19">
        <v>1</v>
      </c>
      <c r="Q899" s="22"/>
      <c r="R899" s="23">
        <v>45065</v>
      </c>
    </row>
    <row r="900" spans="1:18" x14ac:dyDescent="0.2">
      <c r="A900" s="15" t="s">
        <v>8905</v>
      </c>
      <c r="B900" s="10" t="s">
        <v>1809</v>
      </c>
      <c r="C900" s="16">
        <v>1</v>
      </c>
      <c r="D900" s="17">
        <v>511</v>
      </c>
      <c r="E900" s="17">
        <v>1503</v>
      </c>
      <c r="F900" s="25" t="s">
        <v>1057</v>
      </c>
      <c r="G900" s="26" t="s">
        <v>7136</v>
      </c>
      <c r="H900" s="25" t="s">
        <v>1058</v>
      </c>
      <c r="I900" s="25" t="s">
        <v>4891</v>
      </c>
      <c r="J900" s="18"/>
      <c r="K900" s="19"/>
      <c r="L900" s="25" t="s">
        <v>2722</v>
      </c>
      <c r="M900" s="17" t="s">
        <v>10449</v>
      </c>
      <c r="N900" s="54" t="s">
        <v>10532</v>
      </c>
      <c r="O900" s="19">
        <v>1972</v>
      </c>
      <c r="P900" s="19">
        <v>1</v>
      </c>
      <c r="Q900" s="22"/>
      <c r="R900" s="23">
        <v>45065</v>
      </c>
    </row>
    <row r="901" spans="1:18" x14ac:dyDescent="0.2">
      <c r="A901" s="15" t="s">
        <v>8906</v>
      </c>
      <c r="B901" s="10" t="s">
        <v>1809</v>
      </c>
      <c r="C901" s="16">
        <v>1</v>
      </c>
      <c r="D901" s="17">
        <v>511</v>
      </c>
      <c r="E901" s="17">
        <v>1503</v>
      </c>
      <c r="F901" s="25" t="s">
        <v>1059</v>
      </c>
      <c r="G901" s="26" t="s">
        <v>7137</v>
      </c>
      <c r="H901" s="25" t="s">
        <v>1060</v>
      </c>
      <c r="I901" s="25" t="s">
        <v>4892</v>
      </c>
      <c r="J901" s="18"/>
      <c r="K901" s="19"/>
      <c r="L901" s="25" t="s">
        <v>2723</v>
      </c>
      <c r="M901" s="17" t="s">
        <v>10450</v>
      </c>
      <c r="N901" s="54" t="s">
        <v>10533</v>
      </c>
      <c r="O901" s="19">
        <v>1974</v>
      </c>
      <c r="P901" s="19">
        <v>1</v>
      </c>
      <c r="Q901" s="22"/>
      <c r="R901" s="23">
        <v>45065</v>
      </c>
    </row>
    <row r="902" spans="1:18" s="29" customFormat="1" x14ac:dyDescent="0.2">
      <c r="A902" s="15" t="s">
        <v>8907</v>
      </c>
      <c r="B902" s="10" t="s">
        <v>1809</v>
      </c>
      <c r="C902" s="16">
        <v>1</v>
      </c>
      <c r="D902" s="17">
        <v>511</v>
      </c>
      <c r="E902" s="17">
        <v>1503</v>
      </c>
      <c r="F902" s="25" t="s">
        <v>1061</v>
      </c>
      <c r="G902" s="26" t="s">
        <v>7138</v>
      </c>
      <c r="H902" s="25" t="s">
        <v>1062</v>
      </c>
      <c r="I902" s="25" t="s">
        <v>4893</v>
      </c>
      <c r="J902" s="18"/>
      <c r="K902" s="19"/>
      <c r="L902" s="25" t="s">
        <v>2724</v>
      </c>
      <c r="M902" s="17" t="s">
        <v>10451</v>
      </c>
      <c r="N902" s="54" t="s">
        <v>10534</v>
      </c>
      <c r="O902" s="19">
        <v>1976</v>
      </c>
      <c r="P902" s="19">
        <v>1</v>
      </c>
      <c r="Q902" s="22"/>
      <c r="R902" s="23">
        <v>45065</v>
      </c>
    </row>
    <row r="903" spans="1:18" s="29" customFormat="1" x14ac:dyDescent="0.2">
      <c r="A903" s="15" t="s">
        <v>8908</v>
      </c>
      <c r="B903" s="10" t="s">
        <v>1809</v>
      </c>
      <c r="C903" s="16">
        <v>1</v>
      </c>
      <c r="D903" s="17">
        <v>511</v>
      </c>
      <c r="E903" s="17">
        <v>1503</v>
      </c>
      <c r="F903" s="25" t="s">
        <v>1063</v>
      </c>
      <c r="G903" s="26" t="s">
        <v>7139</v>
      </c>
      <c r="H903" s="25" t="s">
        <v>1064</v>
      </c>
      <c r="I903" s="25" t="s">
        <v>4894</v>
      </c>
      <c r="J903" s="18"/>
      <c r="K903" s="19"/>
      <c r="L903" s="25" t="s">
        <v>2725</v>
      </c>
      <c r="M903" s="17" t="s">
        <v>10452</v>
      </c>
      <c r="N903" s="54" t="s">
        <v>10535</v>
      </c>
      <c r="O903" s="19">
        <v>1977</v>
      </c>
      <c r="P903" s="19">
        <v>1</v>
      </c>
      <c r="Q903" s="22"/>
      <c r="R903" s="23">
        <v>45065</v>
      </c>
    </row>
    <row r="904" spans="1:18" s="29" customFormat="1" x14ac:dyDescent="0.2">
      <c r="A904" s="15" t="s">
        <v>8909</v>
      </c>
      <c r="B904" s="10" t="s">
        <v>1809</v>
      </c>
      <c r="C904" s="16">
        <v>1</v>
      </c>
      <c r="D904" s="17">
        <v>511</v>
      </c>
      <c r="E904" s="17">
        <v>1503</v>
      </c>
      <c r="F904" s="25" t="s">
        <v>1065</v>
      </c>
      <c r="G904" s="26" t="s">
        <v>7140</v>
      </c>
      <c r="H904" s="25" t="s">
        <v>1066</v>
      </c>
      <c r="I904" s="25" t="s">
        <v>4895</v>
      </c>
      <c r="J904" s="18"/>
      <c r="K904" s="19"/>
      <c r="L904" s="25" t="s">
        <v>2726</v>
      </c>
      <c r="M904" s="17" t="s">
        <v>10453</v>
      </c>
      <c r="N904" s="54" t="s">
        <v>10536</v>
      </c>
      <c r="O904" s="19">
        <v>1979</v>
      </c>
      <c r="P904" s="19">
        <v>1</v>
      </c>
      <c r="Q904" s="22"/>
      <c r="R904" s="23">
        <v>45065</v>
      </c>
    </row>
    <row r="905" spans="1:18" s="1" customFormat="1" ht="14.25" customHeight="1" x14ac:dyDescent="0.2">
      <c r="A905" s="15" t="s">
        <v>8910</v>
      </c>
      <c r="B905" s="10" t="s">
        <v>1809</v>
      </c>
      <c r="C905" s="16">
        <v>1</v>
      </c>
      <c r="D905" s="17">
        <v>511</v>
      </c>
      <c r="E905" s="17">
        <v>1503</v>
      </c>
      <c r="F905" s="25" t="s">
        <v>1067</v>
      </c>
      <c r="G905" s="26" t="s">
        <v>7141</v>
      </c>
      <c r="H905" s="25" t="s">
        <v>1068</v>
      </c>
      <c r="I905" s="25" t="s">
        <v>4896</v>
      </c>
      <c r="J905" s="18"/>
      <c r="K905" s="19"/>
      <c r="L905" s="25" t="s">
        <v>2727</v>
      </c>
      <c r="M905" s="17" t="s">
        <v>10454</v>
      </c>
      <c r="N905" s="54" t="s">
        <v>10537</v>
      </c>
      <c r="O905" s="19">
        <v>1985</v>
      </c>
      <c r="P905" s="19">
        <v>1</v>
      </c>
      <c r="Q905" s="22"/>
      <c r="R905" s="23">
        <v>45065</v>
      </c>
    </row>
    <row r="906" spans="1:18" s="1" customFormat="1" ht="14.25" customHeight="1" x14ac:dyDescent="0.2">
      <c r="A906" s="15" t="s">
        <v>8911</v>
      </c>
      <c r="B906" s="10" t="s">
        <v>1809</v>
      </c>
      <c r="C906" s="16">
        <v>2</v>
      </c>
      <c r="D906" s="16">
        <v>512</v>
      </c>
      <c r="E906" s="16">
        <v>1504</v>
      </c>
      <c r="F906" s="31" t="s">
        <v>1699</v>
      </c>
      <c r="G906" s="32" t="s">
        <v>7142</v>
      </c>
      <c r="H906" s="31" t="s">
        <v>1700</v>
      </c>
      <c r="I906" s="31" t="s">
        <v>4897</v>
      </c>
      <c r="J906" s="19"/>
      <c r="K906" s="19"/>
      <c r="L906" s="31" t="s">
        <v>2728</v>
      </c>
      <c r="M906" s="17" t="s">
        <v>10455</v>
      </c>
      <c r="N906" s="54" t="s">
        <v>10538</v>
      </c>
      <c r="O906" s="19">
        <v>1947</v>
      </c>
      <c r="P906" s="19">
        <v>1</v>
      </c>
      <c r="Q906" s="22"/>
      <c r="R906" s="23">
        <v>45065</v>
      </c>
    </row>
    <row r="907" spans="1:18" s="1" customFormat="1" ht="14.25" customHeight="1" x14ac:dyDescent="0.2">
      <c r="A907" s="15" t="s">
        <v>8912</v>
      </c>
      <c r="B907" s="10" t="s">
        <v>1809</v>
      </c>
      <c r="C907" s="16">
        <v>2</v>
      </c>
      <c r="D907" s="16">
        <v>512</v>
      </c>
      <c r="E907" s="16">
        <v>1504</v>
      </c>
      <c r="F907" s="31" t="s">
        <v>1701</v>
      </c>
      <c r="G907" s="32" t="s">
        <v>7143</v>
      </c>
      <c r="H907" s="31" t="s">
        <v>1702</v>
      </c>
      <c r="I907" s="31" t="s">
        <v>4898</v>
      </c>
      <c r="J907" s="19"/>
      <c r="K907" s="19"/>
      <c r="L907" s="31" t="s">
        <v>2729</v>
      </c>
      <c r="M907" s="17" t="s">
        <v>10456</v>
      </c>
      <c r="N907" s="54" t="s">
        <v>10539</v>
      </c>
      <c r="O907" s="19">
        <v>1947</v>
      </c>
      <c r="P907" s="19">
        <v>1</v>
      </c>
      <c r="Q907" s="22"/>
      <c r="R907" s="23">
        <v>45065</v>
      </c>
    </row>
    <row r="908" spans="1:18" s="1" customFormat="1" ht="14.25" customHeight="1" x14ac:dyDescent="0.2">
      <c r="A908" s="15" t="s">
        <v>8913</v>
      </c>
      <c r="B908" s="10" t="s">
        <v>1809</v>
      </c>
      <c r="C908" s="16">
        <v>2</v>
      </c>
      <c r="D908" s="16">
        <v>512</v>
      </c>
      <c r="E908" s="16">
        <v>1504</v>
      </c>
      <c r="F908" s="31" t="s">
        <v>9124</v>
      </c>
      <c r="G908" s="32" t="s">
        <v>7144</v>
      </c>
      <c r="H908" s="31" t="s">
        <v>1703</v>
      </c>
      <c r="I908" s="31" t="s">
        <v>4899</v>
      </c>
      <c r="J908" s="19"/>
      <c r="K908" s="19"/>
      <c r="L908" s="31" t="s">
        <v>2730</v>
      </c>
      <c r="M908" s="17" t="s">
        <v>10457</v>
      </c>
      <c r="N908" s="54" t="s">
        <v>10540</v>
      </c>
      <c r="O908" s="19">
        <v>1947</v>
      </c>
      <c r="P908" s="19">
        <v>1</v>
      </c>
      <c r="Q908" s="22"/>
      <c r="R908" s="23">
        <v>45065</v>
      </c>
    </row>
    <row r="909" spans="1:18" s="1" customFormat="1" ht="14.25" customHeight="1" x14ac:dyDescent="0.2">
      <c r="A909" s="15" t="s">
        <v>8914</v>
      </c>
      <c r="B909" s="10" t="s">
        <v>1809</v>
      </c>
      <c r="C909" s="16">
        <v>2</v>
      </c>
      <c r="D909" s="16">
        <v>512</v>
      </c>
      <c r="E909" s="16">
        <v>1504</v>
      </c>
      <c r="F909" s="31" t="s">
        <v>1704</v>
      </c>
      <c r="G909" s="32" t="s">
        <v>7145</v>
      </c>
      <c r="H909" s="31" t="s">
        <v>1046</v>
      </c>
      <c r="I909" s="31" t="s">
        <v>4900</v>
      </c>
      <c r="J909" s="19"/>
      <c r="K909" s="19"/>
      <c r="L909" s="31" t="s">
        <v>2731</v>
      </c>
      <c r="M909" s="17" t="s">
        <v>10458</v>
      </c>
      <c r="N909" s="54" t="s">
        <v>10541</v>
      </c>
      <c r="O909" s="19">
        <v>1947</v>
      </c>
      <c r="P909" s="19">
        <v>1</v>
      </c>
      <c r="Q909" s="22"/>
      <c r="R909" s="23">
        <v>45065</v>
      </c>
    </row>
    <row r="910" spans="1:18" s="1" customFormat="1" ht="14.25" customHeight="1" x14ac:dyDescent="0.2">
      <c r="A910" s="15" t="s">
        <v>8915</v>
      </c>
      <c r="B910" s="10" t="s">
        <v>1809</v>
      </c>
      <c r="C910" s="16">
        <v>2</v>
      </c>
      <c r="D910" s="16">
        <v>512</v>
      </c>
      <c r="E910" s="16">
        <v>1504</v>
      </c>
      <c r="F910" s="31" t="s">
        <v>9125</v>
      </c>
      <c r="G910" s="32" t="s">
        <v>7146</v>
      </c>
      <c r="H910" s="31" t="s">
        <v>1048</v>
      </c>
      <c r="I910" s="31" t="s">
        <v>4901</v>
      </c>
      <c r="J910" s="19"/>
      <c r="K910" s="19"/>
      <c r="L910" s="31" t="s">
        <v>2732</v>
      </c>
      <c r="M910" s="17" t="s">
        <v>10459</v>
      </c>
      <c r="N910" s="54" t="s">
        <v>10542</v>
      </c>
      <c r="O910" s="19">
        <v>1947</v>
      </c>
      <c r="P910" s="19">
        <v>1</v>
      </c>
      <c r="Q910" s="22"/>
      <c r="R910" s="23">
        <v>45065</v>
      </c>
    </row>
    <row r="911" spans="1:18" s="1" customFormat="1" ht="14.25" customHeight="1" x14ac:dyDescent="0.2">
      <c r="A911" s="15" t="s">
        <v>8916</v>
      </c>
      <c r="B911" s="10" t="s">
        <v>1809</v>
      </c>
      <c r="C911" s="16">
        <v>2</v>
      </c>
      <c r="D911" s="16">
        <v>512</v>
      </c>
      <c r="E911" s="16">
        <v>1504</v>
      </c>
      <c r="F911" s="31" t="s">
        <v>10460</v>
      </c>
      <c r="G911" s="32" t="s">
        <v>7147</v>
      </c>
      <c r="H911" s="31" t="s">
        <v>1054</v>
      </c>
      <c r="I911" s="31" t="s">
        <v>4902</v>
      </c>
      <c r="J911" s="19"/>
      <c r="K911" s="19"/>
      <c r="L911" s="31" t="s">
        <v>2733</v>
      </c>
      <c r="M911" s="17" t="s">
        <v>10461</v>
      </c>
      <c r="N911" s="54" t="s">
        <v>10543</v>
      </c>
      <c r="O911" s="19">
        <v>1947</v>
      </c>
      <c r="P911" s="19">
        <v>1</v>
      </c>
      <c r="Q911" s="22"/>
      <c r="R911" s="23">
        <v>45065</v>
      </c>
    </row>
    <row r="912" spans="1:18" s="1" customFormat="1" ht="14.25" customHeight="1" x14ac:dyDescent="0.2">
      <c r="A912" s="15" t="s">
        <v>8917</v>
      </c>
      <c r="B912" s="10" t="s">
        <v>1809</v>
      </c>
      <c r="C912" s="16">
        <v>2</v>
      </c>
      <c r="D912" s="16">
        <v>512</v>
      </c>
      <c r="E912" s="16">
        <v>1504</v>
      </c>
      <c r="F912" s="31" t="s">
        <v>9126</v>
      </c>
      <c r="G912" s="32" t="s">
        <v>7148</v>
      </c>
      <c r="H912" s="31" t="s">
        <v>1705</v>
      </c>
      <c r="I912" s="31" t="s">
        <v>4903</v>
      </c>
      <c r="J912" s="19"/>
      <c r="K912" s="19"/>
      <c r="L912" s="31" t="s">
        <v>2734</v>
      </c>
      <c r="M912" s="17" t="s">
        <v>10462</v>
      </c>
      <c r="N912" s="54" t="s">
        <v>10544</v>
      </c>
      <c r="O912" s="19">
        <v>1974</v>
      </c>
      <c r="P912" s="19">
        <v>1</v>
      </c>
      <c r="Q912" s="22"/>
      <c r="R912" s="23">
        <v>45065</v>
      </c>
    </row>
    <row r="913" spans="1:18" s="1" customFormat="1" ht="14.25" customHeight="1" x14ac:dyDescent="0.2">
      <c r="A913" s="15" t="s">
        <v>8918</v>
      </c>
      <c r="B913" s="10" t="s">
        <v>1809</v>
      </c>
      <c r="C913" s="16">
        <v>2</v>
      </c>
      <c r="D913" s="16">
        <v>512</v>
      </c>
      <c r="E913" s="16">
        <v>1504</v>
      </c>
      <c r="F913" s="31" t="s">
        <v>9127</v>
      </c>
      <c r="G913" s="32" t="s">
        <v>7149</v>
      </c>
      <c r="H913" s="31" t="s">
        <v>1706</v>
      </c>
      <c r="I913" s="31" t="s">
        <v>4904</v>
      </c>
      <c r="J913" s="19"/>
      <c r="K913" s="19"/>
      <c r="L913" s="31" t="s">
        <v>2735</v>
      </c>
      <c r="M913" s="17" t="s">
        <v>10463</v>
      </c>
      <c r="N913" s="54" t="s">
        <v>10545</v>
      </c>
      <c r="O913" s="19">
        <v>1981</v>
      </c>
      <c r="P913" s="19">
        <v>1</v>
      </c>
      <c r="Q913" s="22"/>
      <c r="R913" s="23">
        <v>45065</v>
      </c>
    </row>
    <row r="914" spans="1:18" s="1" customFormat="1" ht="14.25" customHeight="1" x14ac:dyDescent="0.2">
      <c r="A914" s="15" t="s">
        <v>8919</v>
      </c>
      <c r="B914" s="10" t="s">
        <v>1809</v>
      </c>
      <c r="C914" s="16">
        <v>2</v>
      </c>
      <c r="D914" s="16">
        <v>512</v>
      </c>
      <c r="E914" s="16">
        <v>1504</v>
      </c>
      <c r="F914" s="31" t="s">
        <v>9128</v>
      </c>
      <c r="G914" s="32" t="s">
        <v>7150</v>
      </c>
      <c r="H914" s="31" t="s">
        <v>1707</v>
      </c>
      <c r="I914" s="31" t="s">
        <v>4905</v>
      </c>
      <c r="J914" s="19"/>
      <c r="K914" s="19"/>
      <c r="L914" s="31" t="s">
        <v>2736</v>
      </c>
      <c r="M914" s="17" t="s">
        <v>10464</v>
      </c>
      <c r="N914" s="54" t="s">
        <v>10546</v>
      </c>
      <c r="O914" s="19">
        <v>1983</v>
      </c>
      <c r="P914" s="19">
        <v>1</v>
      </c>
      <c r="Q914" s="22"/>
      <c r="R914" s="23">
        <v>45065</v>
      </c>
    </row>
    <row r="915" spans="1:18" s="1" customFormat="1" ht="14.25" customHeight="1" x14ac:dyDescent="0.2">
      <c r="A915" s="15" t="s">
        <v>9129</v>
      </c>
      <c r="B915" s="10" t="s">
        <v>1810</v>
      </c>
      <c r="C915" s="16">
        <v>1</v>
      </c>
      <c r="D915" s="17">
        <v>511</v>
      </c>
      <c r="E915" s="17">
        <v>1503</v>
      </c>
      <c r="F915" s="25" t="s">
        <v>1069</v>
      </c>
      <c r="G915" s="26" t="s">
        <v>7151</v>
      </c>
      <c r="H915" s="25" t="s">
        <v>1075</v>
      </c>
      <c r="I915" s="25" t="s">
        <v>4906</v>
      </c>
      <c r="J915" s="55">
        <v>35.3453320464819</v>
      </c>
      <c r="K915" s="56">
        <v>139.48403754090501</v>
      </c>
      <c r="L915" s="25" t="s">
        <v>2737</v>
      </c>
      <c r="M915" s="17" t="s">
        <v>3792</v>
      </c>
      <c r="N915" s="17" t="s">
        <v>9349</v>
      </c>
      <c r="O915" s="21">
        <v>1837</v>
      </c>
      <c r="P915" s="19">
        <v>1</v>
      </c>
      <c r="Q915" s="22"/>
      <c r="R915" s="23">
        <v>43943</v>
      </c>
    </row>
    <row r="916" spans="1:18" ht="14.25" customHeight="1" x14ac:dyDescent="0.2">
      <c r="A916" s="15" t="s">
        <v>9130</v>
      </c>
      <c r="B916" s="10" t="s">
        <v>1810</v>
      </c>
      <c r="C916" s="16">
        <v>1</v>
      </c>
      <c r="D916" s="17">
        <v>511</v>
      </c>
      <c r="E916" s="17">
        <v>1503</v>
      </c>
      <c r="F916" s="25" t="s">
        <v>1070</v>
      </c>
      <c r="G916" s="26" t="s">
        <v>7152</v>
      </c>
      <c r="H916" s="25" t="s">
        <v>1071</v>
      </c>
      <c r="I916" s="25" t="s">
        <v>4907</v>
      </c>
      <c r="J916" s="55">
        <v>35.350100363784598</v>
      </c>
      <c r="K916" s="56">
        <v>139.45936412738499</v>
      </c>
      <c r="L916" s="25" t="s">
        <v>2738</v>
      </c>
      <c r="M916" s="17" t="s">
        <v>3793</v>
      </c>
      <c r="N916" s="17" t="s">
        <v>9350</v>
      </c>
      <c r="O916" s="19">
        <v>1837</v>
      </c>
      <c r="P916" s="19">
        <v>1</v>
      </c>
      <c r="Q916" s="22"/>
      <c r="R916" s="23">
        <v>43943</v>
      </c>
    </row>
    <row r="917" spans="1:18" ht="14.25" customHeight="1" x14ac:dyDescent="0.2">
      <c r="A917" s="15" t="s">
        <v>8920</v>
      </c>
      <c r="B917" s="10" t="s">
        <v>1810</v>
      </c>
      <c r="C917" s="16">
        <v>1</v>
      </c>
      <c r="D917" s="17">
        <v>511</v>
      </c>
      <c r="E917" s="17">
        <v>1503</v>
      </c>
      <c r="F917" s="25" t="s">
        <v>1072</v>
      </c>
      <c r="G917" s="26" t="s">
        <v>7153</v>
      </c>
      <c r="H917" s="25" t="s">
        <v>1073</v>
      </c>
      <c r="I917" s="25" t="s">
        <v>4908</v>
      </c>
      <c r="J917" s="55">
        <v>35.3367111915897</v>
      </c>
      <c r="K917" s="56">
        <v>139.47332364443</v>
      </c>
      <c r="L917" s="25" t="s">
        <v>2739</v>
      </c>
      <c r="M917" s="17" t="s">
        <v>3794</v>
      </c>
      <c r="N917" s="17" t="s">
        <v>9351</v>
      </c>
      <c r="O917" s="19">
        <v>1837</v>
      </c>
      <c r="P917" s="19">
        <v>1</v>
      </c>
      <c r="Q917" s="22"/>
      <c r="R917" s="23">
        <v>43943</v>
      </c>
    </row>
    <row r="918" spans="1:18" ht="14.25" customHeight="1" x14ac:dyDescent="0.2">
      <c r="A918" s="15" t="s">
        <v>8921</v>
      </c>
      <c r="B918" s="10" t="s">
        <v>1810</v>
      </c>
      <c r="C918" s="16">
        <v>1</v>
      </c>
      <c r="D918" s="17">
        <v>511</v>
      </c>
      <c r="E918" s="17">
        <v>1503</v>
      </c>
      <c r="F918" s="25" t="s">
        <v>1074</v>
      </c>
      <c r="G918" s="26" t="s">
        <v>7154</v>
      </c>
      <c r="H918" s="25" t="s">
        <v>1075</v>
      </c>
      <c r="I918" s="25" t="s">
        <v>4909</v>
      </c>
      <c r="J918" s="55">
        <v>35.342762012046599</v>
      </c>
      <c r="K918" s="56">
        <v>139.47947971238099</v>
      </c>
      <c r="L918" s="25" t="s">
        <v>2740</v>
      </c>
      <c r="M918" s="17" t="s">
        <v>3795</v>
      </c>
      <c r="N918" s="17" t="s">
        <v>9352</v>
      </c>
      <c r="O918" s="19">
        <v>1938</v>
      </c>
      <c r="P918" s="19">
        <v>1</v>
      </c>
      <c r="Q918" s="22"/>
      <c r="R918" s="23">
        <v>43943</v>
      </c>
    </row>
    <row r="919" spans="1:18" ht="14.25" customHeight="1" x14ac:dyDescent="0.2">
      <c r="A919" s="15" t="s">
        <v>8922</v>
      </c>
      <c r="B919" s="10" t="s">
        <v>1810</v>
      </c>
      <c r="C919" s="16">
        <v>1</v>
      </c>
      <c r="D919" s="17">
        <v>511</v>
      </c>
      <c r="E919" s="17">
        <v>1503</v>
      </c>
      <c r="F919" s="25" t="s">
        <v>1076</v>
      </c>
      <c r="G919" s="26" t="s">
        <v>7155</v>
      </c>
      <c r="H919" s="25" t="s">
        <v>1077</v>
      </c>
      <c r="I919" s="25" t="s">
        <v>4910</v>
      </c>
      <c r="J919" s="55">
        <v>35.338211518127203</v>
      </c>
      <c r="K919" s="56">
        <v>139.49760336021899</v>
      </c>
      <c r="L919" s="25" t="s">
        <v>2741</v>
      </c>
      <c r="M919" s="17" t="s">
        <v>3796</v>
      </c>
      <c r="N919" s="17" t="s">
        <v>9353</v>
      </c>
      <c r="O919" s="19">
        <v>1837</v>
      </c>
      <c r="P919" s="19">
        <v>1</v>
      </c>
      <c r="Q919" s="22"/>
      <c r="R919" s="23">
        <v>43943</v>
      </c>
    </row>
    <row r="920" spans="1:18" ht="14.25" customHeight="1" x14ac:dyDescent="0.2">
      <c r="A920" s="15" t="s">
        <v>8923</v>
      </c>
      <c r="B920" s="10" t="s">
        <v>1810</v>
      </c>
      <c r="C920" s="16">
        <v>1</v>
      </c>
      <c r="D920" s="17">
        <v>511</v>
      </c>
      <c r="E920" s="17">
        <v>1503</v>
      </c>
      <c r="F920" s="25" t="s">
        <v>1078</v>
      </c>
      <c r="G920" s="26" t="s">
        <v>7156</v>
      </c>
      <c r="H920" s="25" t="s">
        <v>1113</v>
      </c>
      <c r="I920" s="25" t="s">
        <v>4911</v>
      </c>
      <c r="J920" s="55">
        <v>35.389514307182999</v>
      </c>
      <c r="K920" s="56">
        <v>139.46522476717101</v>
      </c>
      <c r="L920" s="25" t="s">
        <v>2742</v>
      </c>
      <c r="M920" s="17" t="s">
        <v>3797</v>
      </c>
      <c r="N920" s="17" t="s">
        <v>9354</v>
      </c>
      <c r="O920" s="19">
        <v>1838</v>
      </c>
      <c r="P920" s="19">
        <v>1</v>
      </c>
      <c r="Q920" s="22"/>
      <c r="R920" s="23">
        <v>43943</v>
      </c>
    </row>
    <row r="921" spans="1:18" ht="14.25" customHeight="1" x14ac:dyDescent="0.2">
      <c r="A921" s="15" t="s">
        <v>8924</v>
      </c>
      <c r="B921" s="10" t="s">
        <v>1810</v>
      </c>
      <c r="C921" s="16">
        <v>1</v>
      </c>
      <c r="D921" s="17">
        <v>511</v>
      </c>
      <c r="E921" s="17">
        <v>1503</v>
      </c>
      <c r="F921" s="17" t="s">
        <v>1079</v>
      </c>
      <c r="G921" s="26" t="s">
        <v>7157</v>
      </c>
      <c r="H921" s="25" t="s">
        <v>1080</v>
      </c>
      <c r="I921" s="25" t="s">
        <v>4912</v>
      </c>
      <c r="J921" s="55">
        <v>35.325375735669397</v>
      </c>
      <c r="K921" s="56">
        <v>139.45717635958599</v>
      </c>
      <c r="L921" s="25" t="s">
        <v>2743</v>
      </c>
      <c r="M921" s="17" t="s">
        <v>3798</v>
      </c>
      <c r="N921" s="17" t="s">
        <v>9355</v>
      </c>
      <c r="O921" s="19">
        <v>1945</v>
      </c>
      <c r="P921" s="19">
        <v>1</v>
      </c>
      <c r="Q921" s="22"/>
      <c r="R921" s="23">
        <v>43943</v>
      </c>
    </row>
    <row r="922" spans="1:18" ht="14.25" customHeight="1" x14ac:dyDescent="0.2">
      <c r="A922" s="15" t="s">
        <v>8925</v>
      </c>
      <c r="B922" s="10" t="s">
        <v>1810</v>
      </c>
      <c r="C922" s="16">
        <v>1</v>
      </c>
      <c r="D922" s="17">
        <v>511</v>
      </c>
      <c r="E922" s="17">
        <v>1503</v>
      </c>
      <c r="F922" s="17" t="s">
        <v>1081</v>
      </c>
      <c r="G922" s="26" t="s">
        <v>7158</v>
      </c>
      <c r="H922" s="25" t="s">
        <v>1082</v>
      </c>
      <c r="I922" s="25" t="s">
        <v>4913</v>
      </c>
      <c r="J922" s="55">
        <v>35.326662888108103</v>
      </c>
      <c r="K922" s="56">
        <v>139.47486607447701</v>
      </c>
      <c r="L922" s="25" t="s">
        <v>2744</v>
      </c>
      <c r="M922" s="17" t="s">
        <v>3799</v>
      </c>
      <c r="N922" s="17" t="s">
        <v>9356</v>
      </c>
      <c r="O922" s="19">
        <v>1946</v>
      </c>
      <c r="P922" s="19">
        <v>1</v>
      </c>
      <c r="Q922" s="22"/>
      <c r="R922" s="23">
        <v>43943</v>
      </c>
    </row>
    <row r="923" spans="1:18" ht="14.25" customHeight="1" x14ac:dyDescent="0.2">
      <c r="A923" s="15" t="s">
        <v>9131</v>
      </c>
      <c r="B923" s="10" t="s">
        <v>1810</v>
      </c>
      <c r="C923" s="16">
        <v>1</v>
      </c>
      <c r="D923" s="17">
        <v>511</v>
      </c>
      <c r="E923" s="17">
        <v>1503</v>
      </c>
      <c r="F923" s="25" t="s">
        <v>1083</v>
      </c>
      <c r="G923" s="26" t="s">
        <v>7159</v>
      </c>
      <c r="H923" s="25" t="s">
        <v>1084</v>
      </c>
      <c r="I923" s="25" t="s">
        <v>4914</v>
      </c>
      <c r="J923" s="55">
        <v>35.319900379967002</v>
      </c>
      <c r="K923" s="56">
        <v>139.487725797038</v>
      </c>
      <c r="L923" s="25" t="s">
        <v>2745</v>
      </c>
      <c r="M923" s="17" t="s">
        <v>3800</v>
      </c>
      <c r="N923" s="17" t="s">
        <v>9357</v>
      </c>
      <c r="O923" s="19">
        <v>1838</v>
      </c>
      <c r="P923" s="19">
        <v>1</v>
      </c>
      <c r="Q923" s="22"/>
      <c r="R923" s="23">
        <v>43943</v>
      </c>
    </row>
    <row r="924" spans="1:18" ht="14.25" customHeight="1" x14ac:dyDescent="0.2">
      <c r="A924" s="15" t="s">
        <v>8926</v>
      </c>
      <c r="B924" s="10" t="s">
        <v>1810</v>
      </c>
      <c r="C924" s="16">
        <v>1</v>
      </c>
      <c r="D924" s="17">
        <v>511</v>
      </c>
      <c r="E924" s="17">
        <v>1503</v>
      </c>
      <c r="F924" s="25" t="s">
        <v>1085</v>
      </c>
      <c r="G924" s="26" t="s">
        <v>7160</v>
      </c>
      <c r="H924" s="25" t="s">
        <v>1086</v>
      </c>
      <c r="I924" s="25" t="s">
        <v>4915</v>
      </c>
      <c r="J924" s="55">
        <v>35.338647437600201</v>
      </c>
      <c r="K924" s="56">
        <v>139.49302332541501</v>
      </c>
      <c r="L924" s="25" t="s">
        <v>2746</v>
      </c>
      <c r="M924" s="17" t="s">
        <v>3801</v>
      </c>
      <c r="N924" s="17" t="s">
        <v>9358</v>
      </c>
      <c r="O924" s="19">
        <v>1955</v>
      </c>
      <c r="P924" s="19">
        <v>1</v>
      </c>
      <c r="Q924" s="22"/>
      <c r="R924" s="23">
        <v>43943</v>
      </c>
    </row>
    <row r="925" spans="1:18" ht="14.25" customHeight="1" x14ac:dyDescent="0.2">
      <c r="A925" s="15" t="s">
        <v>8927</v>
      </c>
      <c r="B925" s="10" t="s">
        <v>1810</v>
      </c>
      <c r="C925" s="16">
        <v>1</v>
      </c>
      <c r="D925" s="17">
        <v>511</v>
      </c>
      <c r="E925" s="17">
        <v>1503</v>
      </c>
      <c r="F925" s="25" t="s">
        <v>1087</v>
      </c>
      <c r="G925" s="26" t="s">
        <v>7161</v>
      </c>
      <c r="H925" s="25" t="s">
        <v>1119</v>
      </c>
      <c r="I925" s="25" t="s">
        <v>4916</v>
      </c>
      <c r="J925" s="55">
        <v>35.389061459469403</v>
      </c>
      <c r="K925" s="56">
        <v>139.44124997606201</v>
      </c>
      <c r="L925" s="25" t="s">
        <v>2747</v>
      </c>
      <c r="M925" s="17" t="s">
        <v>3802</v>
      </c>
      <c r="N925" s="17" t="s">
        <v>9359</v>
      </c>
      <c r="O925" s="19">
        <v>1955</v>
      </c>
      <c r="P925" s="19">
        <v>1</v>
      </c>
      <c r="Q925" s="22"/>
      <c r="R925" s="23">
        <v>43943</v>
      </c>
    </row>
    <row r="926" spans="1:18" ht="14.25" customHeight="1" x14ac:dyDescent="0.2">
      <c r="A926" s="15" t="s">
        <v>8928</v>
      </c>
      <c r="B926" s="10" t="s">
        <v>1810</v>
      </c>
      <c r="C926" s="16">
        <v>1</v>
      </c>
      <c r="D926" s="17">
        <v>511</v>
      </c>
      <c r="E926" s="17">
        <v>1503</v>
      </c>
      <c r="F926" s="25" t="s">
        <v>1088</v>
      </c>
      <c r="G926" s="26" t="s">
        <v>7162</v>
      </c>
      <c r="H926" s="25" t="s">
        <v>1089</v>
      </c>
      <c r="I926" s="25" t="s">
        <v>4917</v>
      </c>
      <c r="J926" s="55">
        <v>35.403338814444901</v>
      </c>
      <c r="K926" s="56">
        <v>139.41662884316099</v>
      </c>
      <c r="L926" s="25" t="s">
        <v>2748</v>
      </c>
      <c r="M926" s="25" t="s">
        <v>3803</v>
      </c>
      <c r="N926" s="17" t="s">
        <v>9360</v>
      </c>
      <c r="O926" s="19">
        <v>1837</v>
      </c>
      <c r="P926" s="19">
        <v>1</v>
      </c>
      <c r="Q926" s="22"/>
      <c r="R926" s="23">
        <v>43943</v>
      </c>
    </row>
    <row r="927" spans="1:18" ht="14.25" customHeight="1" x14ac:dyDescent="0.2">
      <c r="A927" s="15" t="s">
        <v>8929</v>
      </c>
      <c r="B927" s="10" t="s">
        <v>1810</v>
      </c>
      <c r="C927" s="16">
        <v>1</v>
      </c>
      <c r="D927" s="17">
        <v>511</v>
      </c>
      <c r="E927" s="17">
        <v>1503</v>
      </c>
      <c r="F927" s="25" t="s">
        <v>1090</v>
      </c>
      <c r="G927" s="26" t="s">
        <v>7163</v>
      </c>
      <c r="H927" s="25" t="s">
        <v>1091</v>
      </c>
      <c r="I927" s="25" t="s">
        <v>4918</v>
      </c>
      <c r="J927" s="55">
        <v>35.4165922989094</v>
      </c>
      <c r="K927" s="56">
        <v>139.46821942928599</v>
      </c>
      <c r="L927" s="25" t="s">
        <v>2749</v>
      </c>
      <c r="M927" s="25" t="s">
        <v>3804</v>
      </c>
      <c r="N927" s="17" t="s">
        <v>9361</v>
      </c>
      <c r="O927" s="19">
        <v>1952</v>
      </c>
      <c r="P927" s="19">
        <v>1</v>
      </c>
      <c r="Q927" s="22"/>
      <c r="R927" s="23">
        <v>43943</v>
      </c>
    </row>
    <row r="928" spans="1:18" ht="14.25" customHeight="1" x14ac:dyDescent="0.2">
      <c r="A928" s="15" t="s">
        <v>8930</v>
      </c>
      <c r="B928" s="10" t="s">
        <v>1810</v>
      </c>
      <c r="C928" s="16">
        <v>1</v>
      </c>
      <c r="D928" s="17">
        <v>511</v>
      </c>
      <c r="E928" s="17">
        <v>1503</v>
      </c>
      <c r="F928" s="25" t="s">
        <v>1092</v>
      </c>
      <c r="G928" s="26" t="s">
        <v>7164</v>
      </c>
      <c r="H928" s="25" t="s">
        <v>1093</v>
      </c>
      <c r="I928" s="25" t="s">
        <v>4919</v>
      </c>
      <c r="J928" s="55">
        <v>35.333977922541102</v>
      </c>
      <c r="K928" s="56">
        <v>139.45289856043499</v>
      </c>
      <c r="L928" s="25" t="s">
        <v>2750</v>
      </c>
      <c r="M928" s="25" t="s">
        <v>3805</v>
      </c>
      <c r="N928" s="17" t="s">
        <v>9362</v>
      </c>
      <c r="O928" s="19">
        <v>1959</v>
      </c>
      <c r="P928" s="19">
        <v>1</v>
      </c>
      <c r="Q928" s="22"/>
      <c r="R928" s="23">
        <v>43943</v>
      </c>
    </row>
    <row r="929" spans="1:18" ht="14.25" customHeight="1" x14ac:dyDescent="0.2">
      <c r="A929" s="15" t="s">
        <v>8931</v>
      </c>
      <c r="B929" s="10" t="s">
        <v>1810</v>
      </c>
      <c r="C929" s="16">
        <v>1</v>
      </c>
      <c r="D929" s="17">
        <v>511</v>
      </c>
      <c r="E929" s="17">
        <v>1503</v>
      </c>
      <c r="F929" s="25" t="s">
        <v>1094</v>
      </c>
      <c r="G929" s="26" t="s">
        <v>7165</v>
      </c>
      <c r="H929" s="25" t="s">
        <v>1095</v>
      </c>
      <c r="I929" s="25" t="s">
        <v>4920</v>
      </c>
      <c r="J929" s="55">
        <v>35.326125497258303</v>
      </c>
      <c r="K929" s="56">
        <v>139.44797594285001</v>
      </c>
      <c r="L929" s="25" t="s">
        <v>2751</v>
      </c>
      <c r="M929" s="17" t="s">
        <v>3806</v>
      </c>
      <c r="N929" s="17" t="s">
        <v>9363</v>
      </c>
      <c r="O929" s="19">
        <v>1964</v>
      </c>
      <c r="P929" s="19">
        <v>1</v>
      </c>
      <c r="Q929" s="22"/>
      <c r="R929" s="23">
        <v>43943</v>
      </c>
    </row>
    <row r="930" spans="1:18" ht="14.25" customHeight="1" x14ac:dyDescent="0.2">
      <c r="A930" s="15" t="s">
        <v>8932</v>
      </c>
      <c r="B930" s="10" t="s">
        <v>1810</v>
      </c>
      <c r="C930" s="16">
        <v>1</v>
      </c>
      <c r="D930" s="17">
        <v>511</v>
      </c>
      <c r="E930" s="17">
        <v>1503</v>
      </c>
      <c r="F930" s="25" t="s">
        <v>1096</v>
      </c>
      <c r="G930" s="26" t="s">
        <v>7166</v>
      </c>
      <c r="H930" s="25" t="s">
        <v>1097</v>
      </c>
      <c r="I930" s="25" t="s">
        <v>4921</v>
      </c>
      <c r="J930" s="55">
        <v>35.3680156860542</v>
      </c>
      <c r="K930" s="56">
        <v>139.461231680406</v>
      </c>
      <c r="L930" s="25" t="s">
        <v>2752</v>
      </c>
      <c r="M930" s="17" t="s">
        <v>3807</v>
      </c>
      <c r="N930" s="17" t="s">
        <v>9364</v>
      </c>
      <c r="O930" s="19">
        <v>1966</v>
      </c>
      <c r="P930" s="19">
        <v>1</v>
      </c>
      <c r="Q930" s="22"/>
      <c r="R930" s="23">
        <v>43943</v>
      </c>
    </row>
    <row r="931" spans="1:18" ht="14.25" customHeight="1" x14ac:dyDescent="0.2">
      <c r="A931" s="15" t="s">
        <v>8933</v>
      </c>
      <c r="B931" s="10" t="s">
        <v>1810</v>
      </c>
      <c r="C931" s="16">
        <v>1</v>
      </c>
      <c r="D931" s="17">
        <v>511</v>
      </c>
      <c r="E931" s="17">
        <v>1503</v>
      </c>
      <c r="F931" s="25" t="s">
        <v>5332</v>
      </c>
      <c r="G931" s="26" t="s">
        <v>7167</v>
      </c>
      <c r="H931" s="25" t="s">
        <v>1098</v>
      </c>
      <c r="I931" s="25" t="s">
        <v>5333</v>
      </c>
      <c r="J931" s="55">
        <v>35.409273140785999</v>
      </c>
      <c r="K931" s="56">
        <v>139.45917278812499</v>
      </c>
      <c r="L931" s="25" t="s">
        <v>5334</v>
      </c>
      <c r="M931" s="17" t="s">
        <v>5335</v>
      </c>
      <c r="N931" s="17" t="s">
        <v>9365</v>
      </c>
      <c r="O931" s="19">
        <v>1967</v>
      </c>
      <c r="P931" s="19">
        <v>1</v>
      </c>
      <c r="Q931" s="22"/>
      <c r="R931" s="23">
        <v>43943</v>
      </c>
    </row>
    <row r="932" spans="1:18" ht="14.25" customHeight="1" x14ac:dyDescent="0.2">
      <c r="A932" s="15" t="s">
        <v>9132</v>
      </c>
      <c r="B932" s="10" t="s">
        <v>1810</v>
      </c>
      <c r="C932" s="16">
        <v>1</v>
      </c>
      <c r="D932" s="17">
        <v>511</v>
      </c>
      <c r="E932" s="17">
        <v>1503</v>
      </c>
      <c r="F932" s="25" t="s">
        <v>1099</v>
      </c>
      <c r="G932" s="26" t="s">
        <v>7168</v>
      </c>
      <c r="H932" s="25" t="s">
        <v>1100</v>
      </c>
      <c r="I932" s="25" t="s">
        <v>4922</v>
      </c>
      <c r="J932" s="55">
        <v>35.318738673635103</v>
      </c>
      <c r="K932" s="56">
        <v>139.463516631196</v>
      </c>
      <c r="L932" s="25" t="s">
        <v>2753</v>
      </c>
      <c r="M932" s="17" t="s">
        <v>3808</v>
      </c>
      <c r="N932" s="17" t="s">
        <v>9366</v>
      </c>
      <c r="O932" s="19">
        <v>1970</v>
      </c>
      <c r="P932" s="19">
        <v>1</v>
      </c>
      <c r="Q932" s="22"/>
      <c r="R932" s="23">
        <v>43943</v>
      </c>
    </row>
    <row r="933" spans="1:18" ht="14.25" customHeight="1" x14ac:dyDescent="0.2">
      <c r="A933" s="15" t="s">
        <v>8934</v>
      </c>
      <c r="B933" s="10" t="s">
        <v>1810</v>
      </c>
      <c r="C933" s="16">
        <v>1</v>
      </c>
      <c r="D933" s="17">
        <v>511</v>
      </c>
      <c r="E933" s="17">
        <v>1503</v>
      </c>
      <c r="F933" s="25" t="s">
        <v>1101</v>
      </c>
      <c r="G933" s="26" t="s">
        <v>7169</v>
      </c>
      <c r="H933" s="25" t="s">
        <v>1095</v>
      </c>
      <c r="I933" s="25" t="s">
        <v>4923</v>
      </c>
      <c r="J933" s="55">
        <v>35.324624787140102</v>
      </c>
      <c r="K933" s="56">
        <v>139.44938356054399</v>
      </c>
      <c r="L933" s="25" t="s">
        <v>2754</v>
      </c>
      <c r="M933" s="17" t="s">
        <v>3809</v>
      </c>
      <c r="N933" s="17" t="s">
        <v>9367</v>
      </c>
      <c r="O933" s="19">
        <v>1970</v>
      </c>
      <c r="P933" s="19">
        <v>1</v>
      </c>
      <c r="Q933" s="22"/>
      <c r="R933" s="23">
        <v>43943</v>
      </c>
    </row>
    <row r="934" spans="1:18" ht="14.25" customHeight="1" x14ac:dyDescent="0.2">
      <c r="A934" s="15" t="s">
        <v>9133</v>
      </c>
      <c r="B934" s="10" t="s">
        <v>1810</v>
      </c>
      <c r="C934" s="16">
        <v>1</v>
      </c>
      <c r="D934" s="17">
        <v>511</v>
      </c>
      <c r="E934" s="17">
        <v>1503</v>
      </c>
      <c r="F934" s="25" t="s">
        <v>1102</v>
      </c>
      <c r="G934" s="26" t="s">
        <v>7170</v>
      </c>
      <c r="H934" s="25" t="s">
        <v>1103</v>
      </c>
      <c r="I934" s="25" t="s">
        <v>4924</v>
      </c>
      <c r="J934" s="55">
        <v>35.367124312272097</v>
      </c>
      <c r="K934" s="56">
        <v>139.482923328081</v>
      </c>
      <c r="L934" s="25" t="s">
        <v>2755</v>
      </c>
      <c r="M934" s="17" t="s">
        <v>3810</v>
      </c>
      <c r="N934" s="17" t="s">
        <v>9368</v>
      </c>
      <c r="O934" s="19">
        <v>1971</v>
      </c>
      <c r="P934" s="19">
        <v>1</v>
      </c>
      <c r="Q934" s="22"/>
      <c r="R934" s="23">
        <v>43943</v>
      </c>
    </row>
    <row r="935" spans="1:18" ht="14.25" customHeight="1" x14ac:dyDescent="0.2">
      <c r="A935" s="15" t="s">
        <v>8935</v>
      </c>
      <c r="B935" s="10" t="s">
        <v>1810</v>
      </c>
      <c r="C935" s="16">
        <v>1</v>
      </c>
      <c r="D935" s="17">
        <v>511</v>
      </c>
      <c r="E935" s="17">
        <v>1503</v>
      </c>
      <c r="F935" s="25" t="s">
        <v>1104</v>
      </c>
      <c r="G935" s="26" t="s">
        <v>7171</v>
      </c>
      <c r="H935" s="25" t="s">
        <v>1105</v>
      </c>
      <c r="I935" s="25" t="s">
        <v>4925</v>
      </c>
      <c r="J935" s="55">
        <v>35.364765941675898</v>
      </c>
      <c r="K935" s="56">
        <v>139.46426873150199</v>
      </c>
      <c r="L935" s="25" t="s">
        <v>2756</v>
      </c>
      <c r="M935" s="17" t="s">
        <v>3811</v>
      </c>
      <c r="N935" s="17" t="s">
        <v>9369</v>
      </c>
      <c r="O935" s="19">
        <v>1971</v>
      </c>
      <c r="P935" s="19">
        <v>1</v>
      </c>
      <c r="Q935" s="22"/>
      <c r="R935" s="23">
        <v>43943</v>
      </c>
    </row>
    <row r="936" spans="1:18" ht="14.25" customHeight="1" x14ac:dyDescent="0.2">
      <c r="A936" s="15" t="s">
        <v>8936</v>
      </c>
      <c r="B936" s="10" t="s">
        <v>1810</v>
      </c>
      <c r="C936" s="16">
        <v>1</v>
      </c>
      <c r="D936" s="17">
        <v>511</v>
      </c>
      <c r="E936" s="17">
        <v>1503</v>
      </c>
      <c r="F936" s="25" t="s">
        <v>1106</v>
      </c>
      <c r="G936" s="26" t="s">
        <v>7172</v>
      </c>
      <c r="H936" s="25" t="s">
        <v>1107</v>
      </c>
      <c r="I936" s="25" t="s">
        <v>4926</v>
      </c>
      <c r="J936" s="55">
        <v>35.343717636984202</v>
      </c>
      <c r="K936" s="56">
        <v>139.45820559642601</v>
      </c>
      <c r="L936" s="25" t="s">
        <v>2757</v>
      </c>
      <c r="M936" s="17" t="s">
        <v>3812</v>
      </c>
      <c r="N936" s="17" t="s">
        <v>9370</v>
      </c>
      <c r="O936" s="19">
        <v>1972</v>
      </c>
      <c r="P936" s="19">
        <v>1</v>
      </c>
      <c r="Q936" s="22"/>
      <c r="R936" s="23">
        <v>43943</v>
      </c>
    </row>
    <row r="937" spans="1:18" ht="14.25" customHeight="1" x14ac:dyDescent="0.2">
      <c r="A937" s="15" t="s">
        <v>9134</v>
      </c>
      <c r="B937" s="10" t="s">
        <v>1810</v>
      </c>
      <c r="C937" s="16">
        <v>1</v>
      </c>
      <c r="D937" s="17">
        <v>511</v>
      </c>
      <c r="E937" s="17">
        <v>1503</v>
      </c>
      <c r="F937" s="25" t="s">
        <v>1108</v>
      </c>
      <c r="G937" s="26" t="s">
        <v>7173</v>
      </c>
      <c r="H937" s="25" t="s">
        <v>1109</v>
      </c>
      <c r="I937" s="25" t="s">
        <v>4927</v>
      </c>
      <c r="J937" s="55">
        <v>35.401639551768703</v>
      </c>
      <c r="K937" s="56">
        <v>139.467552202853</v>
      </c>
      <c r="L937" s="25" t="s">
        <v>2758</v>
      </c>
      <c r="M937" s="17" t="s">
        <v>3813</v>
      </c>
      <c r="N937" s="17" t="s">
        <v>9371</v>
      </c>
      <c r="O937" s="19">
        <v>1973</v>
      </c>
      <c r="P937" s="19">
        <v>1</v>
      </c>
      <c r="Q937" s="22"/>
      <c r="R937" s="23">
        <v>43943</v>
      </c>
    </row>
    <row r="938" spans="1:18" ht="14.25" customHeight="1" x14ac:dyDescent="0.2">
      <c r="A938" s="15" t="s">
        <v>8937</v>
      </c>
      <c r="B938" s="10" t="s">
        <v>1810</v>
      </c>
      <c r="C938" s="16">
        <v>1</v>
      </c>
      <c r="D938" s="17">
        <v>511</v>
      </c>
      <c r="E938" s="17">
        <v>1503</v>
      </c>
      <c r="F938" s="25" t="s">
        <v>1110</v>
      </c>
      <c r="G938" s="26" t="s">
        <v>7174</v>
      </c>
      <c r="H938" s="25" t="s">
        <v>1111</v>
      </c>
      <c r="I938" s="25" t="s">
        <v>4928</v>
      </c>
      <c r="J938" s="55">
        <v>35.363205966237402</v>
      </c>
      <c r="K938" s="56">
        <v>139.443430827078</v>
      </c>
      <c r="L938" s="25" t="s">
        <v>2759</v>
      </c>
      <c r="M938" s="17" t="s">
        <v>3814</v>
      </c>
      <c r="N938" s="17" t="s">
        <v>9372</v>
      </c>
      <c r="O938" s="19">
        <v>1976</v>
      </c>
      <c r="P938" s="19">
        <v>1</v>
      </c>
      <c r="Q938" s="22"/>
      <c r="R938" s="23">
        <v>43943</v>
      </c>
    </row>
    <row r="939" spans="1:18" ht="14.25" customHeight="1" x14ac:dyDescent="0.2">
      <c r="A939" s="15" t="s">
        <v>8938</v>
      </c>
      <c r="B939" s="10" t="s">
        <v>1810</v>
      </c>
      <c r="C939" s="16">
        <v>1</v>
      </c>
      <c r="D939" s="17">
        <v>511</v>
      </c>
      <c r="E939" s="17">
        <v>1503</v>
      </c>
      <c r="F939" s="25" t="s">
        <v>1112</v>
      </c>
      <c r="G939" s="26" t="s">
        <v>7175</v>
      </c>
      <c r="H939" s="25" t="s">
        <v>1113</v>
      </c>
      <c r="I939" s="25" t="s">
        <v>4929</v>
      </c>
      <c r="J939" s="55">
        <v>35.3806373014001</v>
      </c>
      <c r="K939" s="56">
        <v>139.47685554785201</v>
      </c>
      <c r="L939" s="25" t="s">
        <v>2760</v>
      </c>
      <c r="M939" s="17" t="s">
        <v>3815</v>
      </c>
      <c r="N939" s="17" t="s">
        <v>9373</v>
      </c>
      <c r="O939" s="19">
        <v>1977</v>
      </c>
      <c r="P939" s="19">
        <v>1</v>
      </c>
      <c r="Q939" s="22"/>
      <c r="R939" s="23">
        <v>43943</v>
      </c>
    </row>
    <row r="940" spans="1:18" ht="14.25" customHeight="1" x14ac:dyDescent="0.2">
      <c r="A940" s="15" t="s">
        <v>8939</v>
      </c>
      <c r="B940" s="10" t="s">
        <v>1810</v>
      </c>
      <c r="C940" s="16">
        <v>1</v>
      </c>
      <c r="D940" s="17">
        <v>511</v>
      </c>
      <c r="E940" s="17">
        <v>1503</v>
      </c>
      <c r="F940" s="25" t="s">
        <v>1114</v>
      </c>
      <c r="G940" s="26" t="s">
        <v>7176</v>
      </c>
      <c r="H940" s="25" t="s">
        <v>1115</v>
      </c>
      <c r="I940" s="25" t="s">
        <v>4930</v>
      </c>
      <c r="J940" s="55">
        <v>35.332096204845499</v>
      </c>
      <c r="K940" s="56">
        <v>139.492353279474</v>
      </c>
      <c r="L940" s="25" t="s">
        <v>2761</v>
      </c>
      <c r="M940" s="17" t="s">
        <v>3816</v>
      </c>
      <c r="N940" s="17" t="s">
        <v>9374</v>
      </c>
      <c r="O940" s="19">
        <v>1978</v>
      </c>
      <c r="P940" s="19">
        <v>1</v>
      </c>
      <c r="Q940" s="22"/>
      <c r="R940" s="23">
        <v>43943</v>
      </c>
    </row>
    <row r="941" spans="1:18" ht="14.25" customHeight="1" x14ac:dyDescent="0.2">
      <c r="A941" s="15" t="s">
        <v>9135</v>
      </c>
      <c r="B941" s="10" t="s">
        <v>1810</v>
      </c>
      <c r="C941" s="16">
        <v>1</v>
      </c>
      <c r="D941" s="17">
        <v>511</v>
      </c>
      <c r="E941" s="17">
        <v>1503</v>
      </c>
      <c r="F941" s="25" t="s">
        <v>1116</v>
      </c>
      <c r="G941" s="26" t="s">
        <v>7177</v>
      </c>
      <c r="H941" s="25" t="s">
        <v>1117</v>
      </c>
      <c r="I941" s="25" t="s">
        <v>4931</v>
      </c>
      <c r="J941" s="55">
        <v>35.399132606322297</v>
      </c>
      <c r="K941" s="56">
        <v>139.413874446091</v>
      </c>
      <c r="L941" s="25" t="s">
        <v>2762</v>
      </c>
      <c r="M941" s="17" t="s">
        <v>3817</v>
      </c>
      <c r="N941" s="17" t="s">
        <v>9375</v>
      </c>
      <c r="O941" s="19">
        <v>1978</v>
      </c>
      <c r="P941" s="19">
        <v>1</v>
      </c>
      <c r="Q941" s="22"/>
      <c r="R941" s="23">
        <v>43943</v>
      </c>
    </row>
    <row r="942" spans="1:18" ht="14.25" customHeight="1" x14ac:dyDescent="0.2">
      <c r="A942" s="15" t="s">
        <v>8940</v>
      </c>
      <c r="B942" s="10" t="s">
        <v>1810</v>
      </c>
      <c r="C942" s="16">
        <v>1</v>
      </c>
      <c r="D942" s="17">
        <v>511</v>
      </c>
      <c r="E942" s="17">
        <v>1503</v>
      </c>
      <c r="F942" s="25" t="s">
        <v>1118</v>
      </c>
      <c r="G942" s="26" t="s">
        <v>7178</v>
      </c>
      <c r="H942" s="25" t="s">
        <v>1119</v>
      </c>
      <c r="I942" s="25" t="s">
        <v>4932</v>
      </c>
      <c r="J942" s="55">
        <v>35.369923745575299</v>
      </c>
      <c r="K942" s="56">
        <v>139.436619717458</v>
      </c>
      <c r="L942" s="25" t="s">
        <v>2763</v>
      </c>
      <c r="M942" s="17" t="s">
        <v>3818</v>
      </c>
      <c r="N942" s="17" t="s">
        <v>9376</v>
      </c>
      <c r="O942" s="19">
        <v>1979</v>
      </c>
      <c r="P942" s="19">
        <v>1</v>
      </c>
      <c r="Q942" s="22"/>
      <c r="R942" s="23">
        <v>43943</v>
      </c>
    </row>
    <row r="943" spans="1:18" ht="14.25" customHeight="1" x14ac:dyDescent="0.2">
      <c r="A943" s="15" t="s">
        <v>8941</v>
      </c>
      <c r="B943" s="10" t="s">
        <v>1810</v>
      </c>
      <c r="C943" s="16">
        <v>1</v>
      </c>
      <c r="D943" s="17">
        <v>511</v>
      </c>
      <c r="E943" s="17">
        <v>1503</v>
      </c>
      <c r="F943" s="25" t="s">
        <v>1120</v>
      </c>
      <c r="G943" s="26" t="s">
        <v>7179</v>
      </c>
      <c r="H943" s="25" t="s">
        <v>1121</v>
      </c>
      <c r="I943" s="25" t="s">
        <v>4933</v>
      </c>
      <c r="J943" s="55">
        <v>35.354162049052597</v>
      </c>
      <c r="K943" s="56">
        <v>139.49435948108299</v>
      </c>
      <c r="L943" s="25" t="s">
        <v>2764</v>
      </c>
      <c r="M943" s="17" t="s">
        <v>3819</v>
      </c>
      <c r="N943" s="17" t="s">
        <v>9377</v>
      </c>
      <c r="O943" s="19">
        <v>1980</v>
      </c>
      <c r="P943" s="19">
        <v>1</v>
      </c>
      <c r="Q943" s="22"/>
      <c r="R943" s="23">
        <v>43943</v>
      </c>
    </row>
    <row r="944" spans="1:18" ht="14.25" customHeight="1" x14ac:dyDescent="0.2">
      <c r="A944" s="15" t="s">
        <v>8942</v>
      </c>
      <c r="B944" s="10" t="s">
        <v>1810</v>
      </c>
      <c r="C944" s="16">
        <v>1</v>
      </c>
      <c r="D944" s="17">
        <v>511</v>
      </c>
      <c r="E944" s="17">
        <v>1503</v>
      </c>
      <c r="F944" s="25" t="s">
        <v>1122</v>
      </c>
      <c r="G944" s="26" t="s">
        <v>7180</v>
      </c>
      <c r="H944" s="25" t="s">
        <v>1123</v>
      </c>
      <c r="I944" s="25" t="s">
        <v>4934</v>
      </c>
      <c r="J944" s="55">
        <v>35.374707032502997</v>
      </c>
      <c r="K944" s="56">
        <v>139.46387085065999</v>
      </c>
      <c r="L944" s="25" t="s">
        <v>2765</v>
      </c>
      <c r="M944" s="17" t="s">
        <v>3820</v>
      </c>
      <c r="N944" s="17" t="s">
        <v>9378</v>
      </c>
      <c r="O944" s="19">
        <v>1981</v>
      </c>
      <c r="P944" s="19">
        <v>1</v>
      </c>
      <c r="Q944" s="22"/>
      <c r="R944" s="23">
        <v>43943</v>
      </c>
    </row>
    <row r="945" spans="1:18" ht="14.25" customHeight="1" x14ac:dyDescent="0.2">
      <c r="A945" s="15" t="s">
        <v>8943</v>
      </c>
      <c r="B945" s="10" t="s">
        <v>1810</v>
      </c>
      <c r="C945" s="16">
        <v>1</v>
      </c>
      <c r="D945" s="17">
        <v>511</v>
      </c>
      <c r="E945" s="17">
        <v>1503</v>
      </c>
      <c r="F945" s="25" t="s">
        <v>1124</v>
      </c>
      <c r="G945" s="26" t="s">
        <v>7181</v>
      </c>
      <c r="H945" s="25" t="s">
        <v>1111</v>
      </c>
      <c r="I945" s="25" t="s">
        <v>4935</v>
      </c>
      <c r="J945" s="55">
        <v>35.368498476073697</v>
      </c>
      <c r="K945" s="56">
        <v>139.448564473245</v>
      </c>
      <c r="L945" s="25" t="s">
        <v>2766</v>
      </c>
      <c r="M945" s="17" t="s">
        <v>3821</v>
      </c>
      <c r="N945" s="17" t="s">
        <v>9379</v>
      </c>
      <c r="O945" s="19">
        <v>1981</v>
      </c>
      <c r="P945" s="19">
        <v>1</v>
      </c>
      <c r="Q945" s="22"/>
      <c r="R945" s="23">
        <v>43943</v>
      </c>
    </row>
    <row r="946" spans="1:18" ht="14.25" customHeight="1" x14ac:dyDescent="0.2">
      <c r="A946" s="15" t="s">
        <v>8944</v>
      </c>
      <c r="B946" s="10" t="s">
        <v>1810</v>
      </c>
      <c r="C946" s="16">
        <v>1</v>
      </c>
      <c r="D946" s="17">
        <v>511</v>
      </c>
      <c r="E946" s="17">
        <v>1503</v>
      </c>
      <c r="F946" s="25" t="s">
        <v>1125</v>
      </c>
      <c r="G946" s="26" t="s">
        <v>7182</v>
      </c>
      <c r="H946" s="25" t="s">
        <v>1126</v>
      </c>
      <c r="I946" s="25" t="s">
        <v>4936</v>
      </c>
      <c r="J946" s="55">
        <v>35.3434206698794</v>
      </c>
      <c r="K946" s="56">
        <v>139.50347862515</v>
      </c>
      <c r="L946" s="25" t="s">
        <v>2767</v>
      </c>
      <c r="M946" s="17" t="s">
        <v>3822</v>
      </c>
      <c r="N946" s="17" t="s">
        <v>9380</v>
      </c>
      <c r="O946" s="19">
        <v>1982</v>
      </c>
      <c r="P946" s="19">
        <v>1</v>
      </c>
      <c r="Q946" s="22"/>
      <c r="R946" s="23">
        <v>43943</v>
      </c>
    </row>
    <row r="947" spans="1:18" ht="14.25" customHeight="1" x14ac:dyDescent="0.2">
      <c r="A947" s="15" t="s">
        <v>9136</v>
      </c>
      <c r="B947" s="10" t="s">
        <v>1810</v>
      </c>
      <c r="C947" s="16">
        <v>1</v>
      </c>
      <c r="D947" s="17">
        <v>511</v>
      </c>
      <c r="E947" s="17">
        <v>1503</v>
      </c>
      <c r="F947" s="25" t="s">
        <v>1127</v>
      </c>
      <c r="G947" s="26" t="s">
        <v>7183</v>
      </c>
      <c r="H947" s="25" t="s">
        <v>1111</v>
      </c>
      <c r="I947" s="25" t="s">
        <v>4937</v>
      </c>
      <c r="J947" s="55">
        <v>35.359668394819501</v>
      </c>
      <c r="K947" s="56">
        <v>139.44700279968899</v>
      </c>
      <c r="L947" s="25" t="s">
        <v>2768</v>
      </c>
      <c r="M947" s="17" t="s">
        <v>3823</v>
      </c>
      <c r="N947" s="17" t="s">
        <v>9381</v>
      </c>
      <c r="O947" s="19">
        <v>1982</v>
      </c>
      <c r="P947" s="19">
        <v>1</v>
      </c>
      <c r="Q947" s="22"/>
      <c r="R947" s="23">
        <v>43943</v>
      </c>
    </row>
    <row r="948" spans="1:18" ht="14.25" customHeight="1" x14ac:dyDescent="0.2">
      <c r="A948" s="15" t="s">
        <v>8945</v>
      </c>
      <c r="B948" s="10" t="s">
        <v>1810</v>
      </c>
      <c r="C948" s="16">
        <v>1</v>
      </c>
      <c r="D948" s="17">
        <v>511</v>
      </c>
      <c r="E948" s="17">
        <v>1503</v>
      </c>
      <c r="F948" s="25" t="s">
        <v>1128</v>
      </c>
      <c r="G948" s="26" t="s">
        <v>7184</v>
      </c>
      <c r="H948" s="25" t="s">
        <v>1121</v>
      </c>
      <c r="I948" s="25" t="s">
        <v>4938</v>
      </c>
      <c r="J948" s="55">
        <v>35.354464020081998</v>
      </c>
      <c r="K948" s="56">
        <v>139.48516223218499</v>
      </c>
      <c r="L948" s="25" t="s">
        <v>2769</v>
      </c>
      <c r="M948" s="17" t="s">
        <v>3824</v>
      </c>
      <c r="N948" s="17" t="s">
        <v>9382</v>
      </c>
      <c r="O948" s="19">
        <v>1983</v>
      </c>
      <c r="P948" s="19">
        <v>1</v>
      </c>
      <c r="Q948" s="22"/>
      <c r="R948" s="23">
        <v>43943</v>
      </c>
    </row>
    <row r="949" spans="1:18" ht="14.25" customHeight="1" x14ac:dyDescent="0.2">
      <c r="A949" s="15" t="s">
        <v>8946</v>
      </c>
      <c r="B949" s="10" t="s">
        <v>1810</v>
      </c>
      <c r="C949" s="16">
        <v>1</v>
      </c>
      <c r="D949" s="17">
        <v>511</v>
      </c>
      <c r="E949" s="17">
        <v>1503</v>
      </c>
      <c r="F949" s="25" t="s">
        <v>1129</v>
      </c>
      <c r="G949" s="26" t="s">
        <v>7185</v>
      </c>
      <c r="H949" s="25" t="s">
        <v>1130</v>
      </c>
      <c r="I949" s="25" t="s">
        <v>4939</v>
      </c>
      <c r="J949" s="55">
        <v>35.3766589858974</v>
      </c>
      <c r="K949" s="56">
        <v>139.44755720952401</v>
      </c>
      <c r="L949" s="25" t="s">
        <v>2770</v>
      </c>
      <c r="M949" s="17" t="s">
        <v>3825</v>
      </c>
      <c r="N949" s="17" t="s">
        <v>9383</v>
      </c>
      <c r="O949" s="19">
        <v>1994</v>
      </c>
      <c r="P949" s="19">
        <v>1</v>
      </c>
      <c r="Q949" s="22"/>
      <c r="R949" s="23">
        <v>43943</v>
      </c>
    </row>
    <row r="950" spans="1:18" ht="14.25" customHeight="1" x14ac:dyDescent="0.2">
      <c r="A950" s="15" t="s">
        <v>8947</v>
      </c>
      <c r="B950" s="10" t="s">
        <v>1810</v>
      </c>
      <c r="C950" s="16">
        <v>2</v>
      </c>
      <c r="D950" s="16">
        <v>512</v>
      </c>
      <c r="E950" s="16">
        <v>1504</v>
      </c>
      <c r="F950" s="31" t="s">
        <v>1708</v>
      </c>
      <c r="G950" s="32" t="s">
        <v>7186</v>
      </c>
      <c r="H950" s="31" t="s">
        <v>1709</v>
      </c>
      <c r="I950" s="31" t="s">
        <v>4940</v>
      </c>
      <c r="J950" s="55">
        <v>35.345330098825599</v>
      </c>
      <c r="K950" s="55">
        <v>139.47082365559899</v>
      </c>
      <c r="L950" s="31" t="s">
        <v>2771</v>
      </c>
      <c r="M950" s="31" t="s">
        <v>3826</v>
      </c>
      <c r="N950" s="17" t="s">
        <v>9384</v>
      </c>
      <c r="O950" s="19">
        <v>1947</v>
      </c>
      <c r="P950" s="19">
        <v>1</v>
      </c>
      <c r="Q950" s="22"/>
      <c r="R950" s="23">
        <v>43943</v>
      </c>
    </row>
    <row r="951" spans="1:18" ht="14.25" customHeight="1" x14ac:dyDescent="0.2">
      <c r="A951" s="15" t="s">
        <v>8948</v>
      </c>
      <c r="B951" s="10" t="s">
        <v>1810</v>
      </c>
      <c r="C951" s="16">
        <v>2</v>
      </c>
      <c r="D951" s="16">
        <v>512</v>
      </c>
      <c r="E951" s="16">
        <v>1504</v>
      </c>
      <c r="F951" s="31" t="s">
        <v>1710</v>
      </c>
      <c r="G951" s="32" t="s">
        <v>7187</v>
      </c>
      <c r="H951" s="31" t="s">
        <v>1711</v>
      </c>
      <c r="I951" s="31" t="s">
        <v>4941</v>
      </c>
      <c r="J951" s="55">
        <v>35.341101237103402</v>
      </c>
      <c r="K951" s="55">
        <v>139.45521282597801</v>
      </c>
      <c r="L951" s="31" t="s">
        <v>2772</v>
      </c>
      <c r="M951" s="16" t="s">
        <v>3827</v>
      </c>
      <c r="N951" s="17" t="s">
        <v>9385</v>
      </c>
      <c r="O951" s="19">
        <v>1947</v>
      </c>
      <c r="P951" s="19">
        <v>1</v>
      </c>
      <c r="Q951" s="22"/>
      <c r="R951" s="23">
        <v>43943</v>
      </c>
    </row>
    <row r="952" spans="1:18" ht="14.25" customHeight="1" x14ac:dyDescent="0.2">
      <c r="A952" s="15" t="s">
        <v>8949</v>
      </c>
      <c r="B952" s="10" t="s">
        <v>1810</v>
      </c>
      <c r="C952" s="16">
        <v>2</v>
      </c>
      <c r="D952" s="16">
        <v>512</v>
      </c>
      <c r="E952" s="16">
        <v>1504</v>
      </c>
      <c r="F952" s="31" t="s">
        <v>9145</v>
      </c>
      <c r="G952" s="32" t="s">
        <v>7188</v>
      </c>
      <c r="H952" s="31" t="s">
        <v>1082</v>
      </c>
      <c r="I952" s="31" t="s">
        <v>4942</v>
      </c>
      <c r="J952" s="55">
        <v>35.333955981177397</v>
      </c>
      <c r="K952" s="55">
        <v>139.47868197295901</v>
      </c>
      <c r="L952" s="31" t="s">
        <v>2773</v>
      </c>
      <c r="M952" s="16" t="s">
        <v>3828</v>
      </c>
      <c r="N952" s="17" t="s">
        <v>9397</v>
      </c>
      <c r="O952" s="19">
        <v>1947</v>
      </c>
      <c r="P952" s="19">
        <v>1</v>
      </c>
      <c r="Q952" s="22"/>
      <c r="R952" s="23">
        <v>43943</v>
      </c>
    </row>
    <row r="953" spans="1:18" ht="14.25" customHeight="1" x14ac:dyDescent="0.2">
      <c r="A953" s="15" t="s">
        <v>8950</v>
      </c>
      <c r="B953" s="10" t="s">
        <v>1810</v>
      </c>
      <c r="C953" s="16">
        <v>2</v>
      </c>
      <c r="D953" s="16">
        <v>512</v>
      </c>
      <c r="E953" s="16">
        <v>1504</v>
      </c>
      <c r="F953" s="31" t="s">
        <v>9137</v>
      </c>
      <c r="G953" s="32" t="s">
        <v>7189</v>
      </c>
      <c r="H953" s="31" t="s">
        <v>1113</v>
      </c>
      <c r="I953" s="31" t="s">
        <v>4943</v>
      </c>
      <c r="J953" s="55">
        <v>35.384352084572299</v>
      </c>
      <c r="K953" s="55">
        <v>139.46619273574899</v>
      </c>
      <c r="L953" s="31" t="s">
        <v>2774</v>
      </c>
      <c r="M953" s="16" t="s">
        <v>3829</v>
      </c>
      <c r="N953" s="17" t="s">
        <v>9386</v>
      </c>
      <c r="O953" s="19">
        <v>1947</v>
      </c>
      <c r="P953" s="19">
        <v>1</v>
      </c>
      <c r="Q953" s="22"/>
      <c r="R953" s="23">
        <v>43943</v>
      </c>
    </row>
    <row r="954" spans="1:18" ht="14.25" customHeight="1" x14ac:dyDescent="0.2">
      <c r="A954" s="15" t="s">
        <v>8951</v>
      </c>
      <c r="B954" s="10" t="s">
        <v>1810</v>
      </c>
      <c r="C954" s="16">
        <v>2</v>
      </c>
      <c r="D954" s="16">
        <v>512</v>
      </c>
      <c r="E954" s="16">
        <v>1504</v>
      </c>
      <c r="F954" s="31" t="s">
        <v>9138</v>
      </c>
      <c r="G954" s="32" t="s">
        <v>7190</v>
      </c>
      <c r="H954" s="31" t="s">
        <v>1712</v>
      </c>
      <c r="I954" s="31" t="s">
        <v>4944</v>
      </c>
      <c r="J954" s="55">
        <v>35.322331744526103</v>
      </c>
      <c r="K954" s="55">
        <v>139.49321246968799</v>
      </c>
      <c r="L954" s="31" t="s">
        <v>2775</v>
      </c>
      <c r="M954" s="16" t="s">
        <v>3830</v>
      </c>
      <c r="N954" s="17" t="s">
        <v>9387</v>
      </c>
      <c r="O954" s="19">
        <v>1947</v>
      </c>
      <c r="P954" s="19">
        <v>1</v>
      </c>
      <c r="Q954" s="22"/>
      <c r="R954" s="23">
        <v>43943</v>
      </c>
    </row>
    <row r="955" spans="1:18" ht="14.25" customHeight="1" x14ac:dyDescent="0.2">
      <c r="A955" s="15" t="s">
        <v>9139</v>
      </c>
      <c r="B955" s="10" t="s">
        <v>1810</v>
      </c>
      <c r="C955" s="16">
        <v>2</v>
      </c>
      <c r="D955" s="16">
        <v>512</v>
      </c>
      <c r="E955" s="16">
        <v>1504</v>
      </c>
      <c r="F955" s="31" t="s">
        <v>1713</v>
      </c>
      <c r="G955" s="32" t="s">
        <v>7191</v>
      </c>
      <c r="H955" s="31" t="s">
        <v>1714</v>
      </c>
      <c r="I955" s="31" t="s">
        <v>4945</v>
      </c>
      <c r="J955" s="55">
        <v>35.4025626042529</v>
      </c>
      <c r="K955" s="55">
        <v>139.42101275252301</v>
      </c>
      <c r="L955" s="31" t="s">
        <v>2776</v>
      </c>
      <c r="M955" s="16" t="s">
        <v>3831</v>
      </c>
      <c r="N955" s="17" t="s">
        <v>9388</v>
      </c>
      <c r="O955" s="19">
        <v>1947</v>
      </c>
      <c r="P955" s="19">
        <v>1</v>
      </c>
      <c r="Q955" s="22"/>
      <c r="R955" s="23">
        <v>43943</v>
      </c>
    </row>
    <row r="956" spans="1:18" ht="14.25" customHeight="1" x14ac:dyDescent="0.2">
      <c r="A956" s="15" t="s">
        <v>8952</v>
      </c>
      <c r="B956" s="10" t="s">
        <v>1810</v>
      </c>
      <c r="C956" s="16">
        <v>2</v>
      </c>
      <c r="D956" s="16">
        <v>512</v>
      </c>
      <c r="E956" s="16">
        <v>1504</v>
      </c>
      <c r="F956" s="31" t="s">
        <v>5336</v>
      </c>
      <c r="G956" s="32" t="s">
        <v>7192</v>
      </c>
      <c r="H956" s="31" t="s">
        <v>1080</v>
      </c>
      <c r="I956" s="31" t="s">
        <v>4946</v>
      </c>
      <c r="J956" s="55">
        <v>35.319285664888902</v>
      </c>
      <c r="K956" s="55">
        <v>139.45932887330301</v>
      </c>
      <c r="L956" s="31" t="s">
        <v>2777</v>
      </c>
      <c r="M956" s="16" t="s">
        <v>3832</v>
      </c>
      <c r="N956" s="17" t="s">
        <v>9398</v>
      </c>
      <c r="O956" s="19">
        <v>1956</v>
      </c>
      <c r="P956" s="19">
        <v>1</v>
      </c>
      <c r="Q956" s="22"/>
      <c r="R956" s="23">
        <v>43943</v>
      </c>
    </row>
    <row r="957" spans="1:18" ht="14.25" customHeight="1" x14ac:dyDescent="0.2">
      <c r="A957" s="15" t="s">
        <v>8953</v>
      </c>
      <c r="B957" s="10" t="s">
        <v>1810</v>
      </c>
      <c r="C957" s="16">
        <v>2</v>
      </c>
      <c r="D957" s="16">
        <v>512</v>
      </c>
      <c r="E957" s="16">
        <v>1504</v>
      </c>
      <c r="F957" s="31" t="s">
        <v>5337</v>
      </c>
      <c r="G957" s="32" t="s">
        <v>7193</v>
      </c>
      <c r="H957" s="31" t="s">
        <v>1098</v>
      </c>
      <c r="I957" s="31" t="s">
        <v>4947</v>
      </c>
      <c r="J957" s="55">
        <v>35.4092804210797</v>
      </c>
      <c r="K957" s="55">
        <v>139.46030253626799</v>
      </c>
      <c r="L957" s="31" t="s">
        <v>2778</v>
      </c>
      <c r="M957" s="16" t="s">
        <v>3833</v>
      </c>
      <c r="N957" s="17" t="s">
        <v>9389</v>
      </c>
      <c r="O957" s="19">
        <v>1960</v>
      </c>
      <c r="P957" s="19">
        <v>1</v>
      </c>
      <c r="Q957" s="22"/>
      <c r="R957" s="23">
        <v>43943</v>
      </c>
    </row>
    <row r="958" spans="1:18" ht="14.25" customHeight="1" x14ac:dyDescent="0.2">
      <c r="A958" s="15" t="s">
        <v>8954</v>
      </c>
      <c r="B958" s="10" t="s">
        <v>1810</v>
      </c>
      <c r="C958" s="16">
        <v>2</v>
      </c>
      <c r="D958" s="16">
        <v>512</v>
      </c>
      <c r="E958" s="16">
        <v>1504</v>
      </c>
      <c r="F958" s="31" t="s">
        <v>9146</v>
      </c>
      <c r="G958" s="32" t="s">
        <v>7194</v>
      </c>
      <c r="H958" s="31" t="s">
        <v>1715</v>
      </c>
      <c r="I958" s="31" t="s">
        <v>4948</v>
      </c>
      <c r="J958" s="55">
        <v>35.346333684878097</v>
      </c>
      <c r="K958" s="55">
        <v>139.497908287477</v>
      </c>
      <c r="L958" s="31" t="s">
        <v>2779</v>
      </c>
      <c r="M958" s="16" t="s">
        <v>3834</v>
      </c>
      <c r="N958" s="17" t="s">
        <v>9399</v>
      </c>
      <c r="O958" s="19">
        <v>1961</v>
      </c>
      <c r="P958" s="19">
        <v>1</v>
      </c>
      <c r="Q958" s="22"/>
      <c r="R958" s="23">
        <v>43943</v>
      </c>
    </row>
    <row r="959" spans="1:18" ht="14.25" customHeight="1" x14ac:dyDescent="0.2">
      <c r="A959" s="15" t="s">
        <v>8955</v>
      </c>
      <c r="B959" s="10" t="s">
        <v>1810</v>
      </c>
      <c r="C959" s="16">
        <v>2</v>
      </c>
      <c r="D959" s="16">
        <v>512</v>
      </c>
      <c r="E959" s="16">
        <v>1504</v>
      </c>
      <c r="F959" s="31" t="s">
        <v>5338</v>
      </c>
      <c r="G959" s="32" t="s">
        <v>7195</v>
      </c>
      <c r="H959" s="31" t="s">
        <v>1095</v>
      </c>
      <c r="I959" s="31" t="s">
        <v>4949</v>
      </c>
      <c r="J959" s="55">
        <v>35.324676238664203</v>
      </c>
      <c r="K959" s="55">
        <v>139.44818707067901</v>
      </c>
      <c r="L959" s="31" t="s">
        <v>2780</v>
      </c>
      <c r="M959" s="16" t="s">
        <v>3835</v>
      </c>
      <c r="N959" s="17" t="s">
        <v>9400</v>
      </c>
      <c r="O959" s="19">
        <v>1973</v>
      </c>
      <c r="P959" s="19">
        <v>1</v>
      </c>
      <c r="Q959" s="22"/>
      <c r="R959" s="23">
        <v>43943</v>
      </c>
    </row>
    <row r="960" spans="1:18" ht="14.25" customHeight="1" x14ac:dyDescent="0.2">
      <c r="A960" s="15" t="s">
        <v>9140</v>
      </c>
      <c r="B960" s="10" t="s">
        <v>1810</v>
      </c>
      <c r="C960" s="16">
        <v>2</v>
      </c>
      <c r="D960" s="16">
        <v>512</v>
      </c>
      <c r="E960" s="16">
        <v>1504</v>
      </c>
      <c r="F960" s="31" t="s">
        <v>5339</v>
      </c>
      <c r="G960" s="32" t="s">
        <v>7196</v>
      </c>
      <c r="H960" s="31" t="s">
        <v>1130</v>
      </c>
      <c r="I960" s="31" t="s">
        <v>4950</v>
      </c>
      <c r="J960" s="55">
        <v>35.371293407761698</v>
      </c>
      <c r="K960" s="55">
        <v>139.464940824877</v>
      </c>
      <c r="L960" s="31" t="s">
        <v>2781</v>
      </c>
      <c r="M960" s="16" t="s">
        <v>3836</v>
      </c>
      <c r="N960" s="17" t="s">
        <v>9390</v>
      </c>
      <c r="O960" s="19">
        <v>1976</v>
      </c>
      <c r="P960" s="19">
        <v>1</v>
      </c>
      <c r="Q960" s="22"/>
      <c r="R960" s="23">
        <v>43943</v>
      </c>
    </row>
    <row r="961" spans="1:18" s="29" customFormat="1" ht="14.25" customHeight="1" x14ac:dyDescent="0.2">
      <c r="A961" s="15" t="s">
        <v>8956</v>
      </c>
      <c r="B961" s="10" t="s">
        <v>1810</v>
      </c>
      <c r="C961" s="16">
        <v>2</v>
      </c>
      <c r="D961" s="16">
        <v>512</v>
      </c>
      <c r="E961" s="16">
        <v>1504</v>
      </c>
      <c r="F961" s="31" t="s">
        <v>5340</v>
      </c>
      <c r="G961" s="32" t="s">
        <v>7197</v>
      </c>
      <c r="H961" s="31" t="s">
        <v>1119</v>
      </c>
      <c r="I961" s="31" t="s">
        <v>4951</v>
      </c>
      <c r="J961" s="55">
        <v>35.3866440271104</v>
      </c>
      <c r="K961" s="55">
        <v>139.44399887520899</v>
      </c>
      <c r="L961" s="31" t="s">
        <v>2782</v>
      </c>
      <c r="M961" s="16" t="s">
        <v>3837</v>
      </c>
      <c r="N961" s="17" t="s">
        <v>9391</v>
      </c>
      <c r="O961" s="19">
        <v>1976</v>
      </c>
      <c r="P961" s="19">
        <v>1</v>
      </c>
      <c r="Q961" s="22"/>
      <c r="R961" s="23">
        <v>43943</v>
      </c>
    </row>
    <row r="962" spans="1:18" s="29" customFormat="1" ht="14.25" customHeight="1" x14ac:dyDescent="0.2">
      <c r="A962" s="15" t="s">
        <v>8957</v>
      </c>
      <c r="B962" s="10" t="s">
        <v>1810</v>
      </c>
      <c r="C962" s="16">
        <v>2</v>
      </c>
      <c r="D962" s="16">
        <v>512</v>
      </c>
      <c r="E962" s="16">
        <v>1504</v>
      </c>
      <c r="F962" s="31" t="s">
        <v>9141</v>
      </c>
      <c r="G962" s="32" t="s">
        <v>7198</v>
      </c>
      <c r="H962" s="31" t="s">
        <v>1111</v>
      </c>
      <c r="I962" s="31" t="s">
        <v>4952</v>
      </c>
      <c r="J962" s="55">
        <v>35.363812081741003</v>
      </c>
      <c r="K962" s="55">
        <v>139.450168353674</v>
      </c>
      <c r="L962" s="31" t="s">
        <v>2783</v>
      </c>
      <c r="M962" s="16" t="s">
        <v>3838</v>
      </c>
      <c r="N962" s="17" t="s">
        <v>9392</v>
      </c>
      <c r="O962" s="19">
        <v>1979</v>
      </c>
      <c r="P962" s="19">
        <v>1</v>
      </c>
      <c r="Q962" s="22"/>
      <c r="R962" s="23">
        <v>43943</v>
      </c>
    </row>
    <row r="963" spans="1:18" s="29" customFormat="1" ht="14.25" customHeight="1" x14ac:dyDescent="0.2">
      <c r="A963" s="15" t="s">
        <v>9147</v>
      </c>
      <c r="B963" s="10" t="s">
        <v>1810</v>
      </c>
      <c r="C963" s="16">
        <v>2</v>
      </c>
      <c r="D963" s="16">
        <v>512</v>
      </c>
      <c r="E963" s="16">
        <v>1504</v>
      </c>
      <c r="F963" s="31" t="s">
        <v>9148</v>
      </c>
      <c r="G963" s="32" t="s">
        <v>7199</v>
      </c>
      <c r="H963" s="31" t="s">
        <v>1077</v>
      </c>
      <c r="I963" s="31" t="s">
        <v>4953</v>
      </c>
      <c r="J963" s="55">
        <v>35.338553169917198</v>
      </c>
      <c r="K963" s="55">
        <v>139.49988836533899</v>
      </c>
      <c r="L963" s="31" t="s">
        <v>2784</v>
      </c>
      <c r="M963" s="16" t="s">
        <v>3839</v>
      </c>
      <c r="N963" s="17" t="s">
        <v>9401</v>
      </c>
      <c r="O963" s="19">
        <v>1980</v>
      </c>
      <c r="P963" s="19">
        <v>1</v>
      </c>
      <c r="Q963" s="22"/>
      <c r="R963" s="23">
        <v>43943</v>
      </c>
    </row>
    <row r="964" spans="1:18" s="29" customFormat="1" ht="14.25" customHeight="1" x14ac:dyDescent="0.2">
      <c r="A964" s="15" t="s">
        <v>8958</v>
      </c>
      <c r="B964" s="10" t="s">
        <v>1810</v>
      </c>
      <c r="C964" s="16">
        <v>2</v>
      </c>
      <c r="D964" s="16">
        <v>512</v>
      </c>
      <c r="E964" s="16">
        <v>1504</v>
      </c>
      <c r="F964" s="31" t="s">
        <v>1716</v>
      </c>
      <c r="G964" s="32" t="s">
        <v>7200</v>
      </c>
      <c r="H964" s="31" t="s">
        <v>1109</v>
      </c>
      <c r="I964" s="31" t="s">
        <v>4954</v>
      </c>
      <c r="J964" s="55">
        <v>35.396032897063598</v>
      </c>
      <c r="K964" s="55">
        <v>139.47186891606901</v>
      </c>
      <c r="L964" s="31" t="s">
        <v>2785</v>
      </c>
      <c r="M964" s="16" t="s">
        <v>3840</v>
      </c>
      <c r="N964" s="17" t="s">
        <v>9393</v>
      </c>
      <c r="O964" s="19">
        <v>1981</v>
      </c>
      <c r="P964" s="19">
        <v>1</v>
      </c>
      <c r="Q964" s="22"/>
      <c r="R964" s="23">
        <v>43943</v>
      </c>
    </row>
    <row r="965" spans="1:18" s="29" customFormat="1" ht="14.25" customHeight="1" x14ac:dyDescent="0.2">
      <c r="A965" s="15" t="s">
        <v>8959</v>
      </c>
      <c r="B965" s="10" t="s">
        <v>1810</v>
      </c>
      <c r="C965" s="16">
        <v>2</v>
      </c>
      <c r="D965" s="16">
        <v>512</v>
      </c>
      <c r="E965" s="16">
        <v>1504</v>
      </c>
      <c r="F965" s="31" t="s">
        <v>9142</v>
      </c>
      <c r="G965" s="32" t="s">
        <v>7201</v>
      </c>
      <c r="H965" s="31" t="s">
        <v>1717</v>
      </c>
      <c r="I965" s="31" t="s">
        <v>4955</v>
      </c>
      <c r="J965" s="55">
        <v>35.408092361312697</v>
      </c>
      <c r="K965" s="55">
        <v>139.47334165752201</v>
      </c>
      <c r="L965" s="31" t="s">
        <v>2786</v>
      </c>
      <c r="M965" s="16" t="s">
        <v>3841</v>
      </c>
      <c r="N965" s="17" t="s">
        <v>9394</v>
      </c>
      <c r="O965" s="19">
        <v>1982</v>
      </c>
      <c r="P965" s="19">
        <v>1</v>
      </c>
      <c r="Q965" s="22"/>
      <c r="R965" s="23">
        <v>43943</v>
      </c>
    </row>
    <row r="966" spans="1:18" s="29" customFormat="1" ht="14.25" customHeight="1" x14ac:dyDescent="0.2">
      <c r="A966" s="15" t="s">
        <v>9143</v>
      </c>
      <c r="B966" s="10" t="s">
        <v>1810</v>
      </c>
      <c r="C966" s="16">
        <v>2</v>
      </c>
      <c r="D966" s="16">
        <v>512</v>
      </c>
      <c r="E966" s="16">
        <v>1504</v>
      </c>
      <c r="F966" s="31" t="s">
        <v>1718</v>
      </c>
      <c r="G966" s="32" t="s">
        <v>7202</v>
      </c>
      <c r="H966" s="31" t="s">
        <v>1119</v>
      </c>
      <c r="I966" s="31" t="s">
        <v>4956</v>
      </c>
      <c r="J966" s="55">
        <v>35.372020909825899</v>
      </c>
      <c r="K966" s="55">
        <v>139.44280030772001</v>
      </c>
      <c r="L966" s="31" t="s">
        <v>2787</v>
      </c>
      <c r="M966" s="16" t="s">
        <v>3842</v>
      </c>
      <c r="N966" s="17" t="s">
        <v>9395</v>
      </c>
      <c r="O966" s="19">
        <v>1982</v>
      </c>
      <c r="P966" s="19">
        <v>1</v>
      </c>
      <c r="Q966" s="22"/>
      <c r="R966" s="23">
        <v>43943</v>
      </c>
    </row>
    <row r="967" spans="1:18" s="29" customFormat="1" ht="14.25" customHeight="1" x14ac:dyDescent="0.2">
      <c r="A967" s="15" t="s">
        <v>8960</v>
      </c>
      <c r="B967" s="10" t="s">
        <v>1810</v>
      </c>
      <c r="C967" s="16">
        <v>2</v>
      </c>
      <c r="D967" s="16">
        <v>512</v>
      </c>
      <c r="E967" s="16">
        <v>1504</v>
      </c>
      <c r="F967" s="31" t="s">
        <v>9144</v>
      </c>
      <c r="G967" s="32" t="s">
        <v>7203</v>
      </c>
      <c r="H967" s="31" t="s">
        <v>1121</v>
      </c>
      <c r="I967" s="31" t="s">
        <v>4957</v>
      </c>
      <c r="J967" s="55">
        <v>35.353568197375097</v>
      </c>
      <c r="K967" s="55">
        <v>139.48378939566001</v>
      </c>
      <c r="L967" s="31" t="s">
        <v>2788</v>
      </c>
      <c r="M967" s="16" t="s">
        <v>3843</v>
      </c>
      <c r="N967" s="17" t="s">
        <v>9396</v>
      </c>
      <c r="O967" s="19">
        <v>1984</v>
      </c>
      <c r="P967" s="19">
        <v>1</v>
      </c>
      <c r="Q967" s="22"/>
      <c r="R967" s="23">
        <v>43943</v>
      </c>
    </row>
    <row r="968" spans="1:18" s="29" customFormat="1" ht="14.25" customHeight="1" x14ac:dyDescent="0.2">
      <c r="A968" s="15" t="s">
        <v>8961</v>
      </c>
      <c r="B968" s="10" t="s">
        <v>1810</v>
      </c>
      <c r="C968" s="16">
        <v>2</v>
      </c>
      <c r="D968" s="16">
        <v>512</v>
      </c>
      <c r="E968" s="16">
        <v>1504</v>
      </c>
      <c r="F968" s="31" t="s">
        <v>1719</v>
      </c>
      <c r="G968" s="32" t="s">
        <v>7204</v>
      </c>
      <c r="H968" s="31" t="s">
        <v>1107</v>
      </c>
      <c r="I968" s="31" t="s">
        <v>4958</v>
      </c>
      <c r="J968" s="55">
        <v>35.345985649247702</v>
      </c>
      <c r="K968" s="55">
        <v>139.46192913976799</v>
      </c>
      <c r="L968" s="31" t="s">
        <v>2789</v>
      </c>
      <c r="M968" s="16" t="s">
        <v>3844</v>
      </c>
      <c r="N968" s="17" t="s">
        <v>9402</v>
      </c>
      <c r="O968" s="19">
        <v>1986</v>
      </c>
      <c r="P968" s="19">
        <v>1</v>
      </c>
      <c r="Q968" s="22"/>
      <c r="R968" s="23">
        <v>43943</v>
      </c>
    </row>
    <row r="969" spans="1:18" s="29" customFormat="1" ht="14.25" customHeight="1" x14ac:dyDescent="0.2">
      <c r="A969" s="15" t="s">
        <v>8583</v>
      </c>
      <c r="B969" s="10" t="s">
        <v>1811</v>
      </c>
      <c r="C969" s="16">
        <v>1</v>
      </c>
      <c r="D969" s="17">
        <v>511</v>
      </c>
      <c r="E969" s="17">
        <v>1503</v>
      </c>
      <c r="F969" s="25" t="s">
        <v>1131</v>
      </c>
      <c r="G969" s="26" t="s">
        <v>7205</v>
      </c>
      <c r="H969" s="25" t="s">
        <v>1132</v>
      </c>
      <c r="I969" s="25" t="s">
        <v>4959</v>
      </c>
      <c r="J969" s="18">
        <v>35.248142540000003</v>
      </c>
      <c r="K969" s="19">
        <v>139.1562223</v>
      </c>
      <c r="L969" s="25" t="s">
        <v>2790</v>
      </c>
      <c r="M969" s="17" t="s">
        <v>3845</v>
      </c>
      <c r="N969" s="16" t="s">
        <v>5341</v>
      </c>
      <c r="O969" s="19">
        <v>1992</v>
      </c>
      <c r="P969" s="19">
        <v>1</v>
      </c>
      <c r="Q969" s="22"/>
      <c r="R969" s="23">
        <v>45065</v>
      </c>
    </row>
    <row r="970" spans="1:18" s="29" customFormat="1" ht="14.25" customHeight="1" x14ac:dyDescent="0.2">
      <c r="A970" s="15" t="s">
        <v>8584</v>
      </c>
      <c r="B970" s="10" t="s">
        <v>1811</v>
      </c>
      <c r="C970" s="16">
        <v>1</v>
      </c>
      <c r="D970" s="17">
        <v>511</v>
      </c>
      <c r="E970" s="17">
        <v>1503</v>
      </c>
      <c r="F970" s="25" t="s">
        <v>1133</v>
      </c>
      <c r="G970" s="26" t="s">
        <v>7206</v>
      </c>
      <c r="H970" s="25" t="s">
        <v>1134</v>
      </c>
      <c r="I970" s="25" t="s">
        <v>4960</v>
      </c>
      <c r="J970" s="18">
        <v>35.25529186</v>
      </c>
      <c r="K970" s="19">
        <v>139.16437629999999</v>
      </c>
      <c r="L970" s="25" t="s">
        <v>2791</v>
      </c>
      <c r="M970" s="17" t="s">
        <v>3846</v>
      </c>
      <c r="N970" s="16" t="s">
        <v>5342</v>
      </c>
      <c r="O970" s="19">
        <v>1914</v>
      </c>
      <c r="P970" s="19">
        <v>1</v>
      </c>
      <c r="Q970" s="22"/>
      <c r="R970" s="23">
        <v>45065</v>
      </c>
    </row>
    <row r="971" spans="1:18" s="29" customFormat="1" ht="14.25" customHeight="1" x14ac:dyDescent="0.2">
      <c r="A971" s="15" t="s">
        <v>8585</v>
      </c>
      <c r="B971" s="10" t="s">
        <v>1811</v>
      </c>
      <c r="C971" s="16">
        <v>1</v>
      </c>
      <c r="D971" s="17">
        <v>511</v>
      </c>
      <c r="E971" s="17">
        <v>1503</v>
      </c>
      <c r="F971" s="25" t="s">
        <v>1135</v>
      </c>
      <c r="G971" s="26" t="s">
        <v>7207</v>
      </c>
      <c r="H971" s="25" t="s">
        <v>1136</v>
      </c>
      <c r="I971" s="25" t="s">
        <v>4961</v>
      </c>
      <c r="J971" s="18">
        <v>35.268712669999999</v>
      </c>
      <c r="K971" s="19">
        <v>139.1566086</v>
      </c>
      <c r="L971" s="25" t="s">
        <v>2792</v>
      </c>
      <c r="M971" s="17" t="s">
        <v>3847</v>
      </c>
      <c r="N971" s="16" t="s">
        <v>5343</v>
      </c>
      <c r="O971" s="19">
        <v>1873</v>
      </c>
      <c r="P971" s="19">
        <v>1</v>
      </c>
      <c r="Q971" s="22"/>
      <c r="R971" s="23">
        <v>45065</v>
      </c>
    </row>
    <row r="972" spans="1:18" s="29" customFormat="1" ht="14.25" customHeight="1" x14ac:dyDescent="0.2">
      <c r="A972" s="15" t="s">
        <v>8586</v>
      </c>
      <c r="B972" s="10" t="s">
        <v>1811</v>
      </c>
      <c r="C972" s="16">
        <v>1</v>
      </c>
      <c r="D972" s="17">
        <v>511</v>
      </c>
      <c r="E972" s="17">
        <v>1503</v>
      </c>
      <c r="F972" s="25" t="s">
        <v>1137</v>
      </c>
      <c r="G972" s="26" t="s">
        <v>7208</v>
      </c>
      <c r="H972" s="25" t="s">
        <v>1136</v>
      </c>
      <c r="I972" s="25" t="s">
        <v>4962</v>
      </c>
      <c r="J972" s="18">
        <v>35.26527883</v>
      </c>
      <c r="K972" s="19">
        <v>139.15725230000001</v>
      </c>
      <c r="L972" s="25" t="s">
        <v>2793</v>
      </c>
      <c r="M972" s="17" t="s">
        <v>3848</v>
      </c>
      <c r="N972" s="16" t="s">
        <v>5344</v>
      </c>
      <c r="O972" s="19">
        <v>1938</v>
      </c>
      <c r="P972" s="19">
        <v>1</v>
      </c>
      <c r="Q972" s="22"/>
      <c r="R972" s="23">
        <v>45065</v>
      </c>
    </row>
    <row r="973" spans="1:18" s="29" customFormat="1" ht="14.25" customHeight="1" x14ac:dyDescent="0.2">
      <c r="A973" s="15" t="s">
        <v>8587</v>
      </c>
      <c r="B973" s="10" t="s">
        <v>1811</v>
      </c>
      <c r="C973" s="16">
        <v>1</v>
      </c>
      <c r="D973" s="17">
        <v>511</v>
      </c>
      <c r="E973" s="17">
        <v>1503</v>
      </c>
      <c r="F973" s="25" t="s">
        <v>1138</v>
      </c>
      <c r="G973" s="26" t="s">
        <v>7209</v>
      </c>
      <c r="H973" s="25" t="s">
        <v>1139</v>
      </c>
      <c r="I973" s="25" t="s">
        <v>4963</v>
      </c>
      <c r="J973" s="18">
        <v>35.250315440000001</v>
      </c>
      <c r="K973" s="19">
        <v>139.1369104</v>
      </c>
      <c r="L973" s="25" t="s">
        <v>2794</v>
      </c>
      <c r="M973" s="17" t="s">
        <v>3849</v>
      </c>
      <c r="N973" s="16" t="s">
        <v>5345</v>
      </c>
      <c r="O973" s="19">
        <v>1873</v>
      </c>
      <c r="P973" s="19">
        <v>1</v>
      </c>
      <c r="Q973" s="22"/>
      <c r="R973" s="23">
        <v>45065</v>
      </c>
    </row>
    <row r="974" spans="1:18" ht="14.25" customHeight="1" x14ac:dyDescent="0.2">
      <c r="A974" s="15" t="s">
        <v>8588</v>
      </c>
      <c r="B974" s="10" t="s">
        <v>1811</v>
      </c>
      <c r="C974" s="16">
        <v>1</v>
      </c>
      <c r="D974" s="17">
        <v>511</v>
      </c>
      <c r="E974" s="17">
        <v>1503</v>
      </c>
      <c r="F974" s="25" t="s">
        <v>1140</v>
      </c>
      <c r="G974" s="26" t="s">
        <v>7210</v>
      </c>
      <c r="H974" s="25" t="s">
        <v>1141</v>
      </c>
      <c r="I974" s="25" t="s">
        <v>4964</v>
      </c>
      <c r="J974" s="18">
        <v>35.24330587</v>
      </c>
      <c r="K974" s="19">
        <v>139.1435194</v>
      </c>
      <c r="L974" s="25" t="s">
        <v>2795</v>
      </c>
      <c r="M974" s="17" t="s">
        <v>3850</v>
      </c>
      <c r="N974" s="16" t="s">
        <v>5346</v>
      </c>
      <c r="O974" s="19">
        <v>1873</v>
      </c>
      <c r="P974" s="19">
        <v>1</v>
      </c>
      <c r="Q974" s="22" t="s">
        <v>5347</v>
      </c>
      <c r="R974" s="23">
        <v>45065</v>
      </c>
    </row>
    <row r="975" spans="1:18" ht="14.25" customHeight="1" x14ac:dyDescent="0.2">
      <c r="A975" s="15" t="s">
        <v>8589</v>
      </c>
      <c r="B975" s="10" t="s">
        <v>1811</v>
      </c>
      <c r="C975" s="16">
        <v>1</v>
      </c>
      <c r="D975" s="17">
        <v>511</v>
      </c>
      <c r="E975" s="17">
        <v>1503</v>
      </c>
      <c r="F975" s="25" t="s">
        <v>1142</v>
      </c>
      <c r="G975" s="26" t="s">
        <v>7211</v>
      </c>
      <c r="H975" s="25" t="s">
        <v>1143</v>
      </c>
      <c r="I975" s="25" t="s">
        <v>4965</v>
      </c>
      <c r="J975" s="18">
        <v>35.257569699999998</v>
      </c>
      <c r="K975" s="19">
        <v>139.17609210000001</v>
      </c>
      <c r="L975" s="25" t="s">
        <v>2796</v>
      </c>
      <c r="M975" s="17" t="s">
        <v>3851</v>
      </c>
      <c r="N975" s="16" t="s">
        <v>5348</v>
      </c>
      <c r="O975" s="19">
        <v>1945</v>
      </c>
      <c r="P975" s="19">
        <v>1</v>
      </c>
      <c r="Q975" s="22" t="s">
        <v>5349</v>
      </c>
      <c r="R975" s="23">
        <v>45065</v>
      </c>
    </row>
    <row r="976" spans="1:18" ht="14.25" customHeight="1" x14ac:dyDescent="0.2">
      <c r="A976" s="15" t="s">
        <v>8590</v>
      </c>
      <c r="B976" s="10" t="s">
        <v>1811</v>
      </c>
      <c r="C976" s="16">
        <v>1</v>
      </c>
      <c r="D976" s="17">
        <v>511</v>
      </c>
      <c r="E976" s="17">
        <v>1503</v>
      </c>
      <c r="F976" s="25" t="s">
        <v>1144</v>
      </c>
      <c r="G976" s="26" t="s">
        <v>7212</v>
      </c>
      <c r="H976" s="25" t="s">
        <v>1145</v>
      </c>
      <c r="I976" s="25" t="s">
        <v>4966</v>
      </c>
      <c r="J976" s="18">
        <v>35.273092339999998</v>
      </c>
      <c r="K976" s="19">
        <v>139.13648130000001</v>
      </c>
      <c r="L976" s="25" t="s">
        <v>2797</v>
      </c>
      <c r="M976" s="17" t="s">
        <v>3852</v>
      </c>
      <c r="N976" s="16" t="s">
        <v>5350</v>
      </c>
      <c r="O976" s="19">
        <v>1947</v>
      </c>
      <c r="P976" s="19">
        <v>1</v>
      </c>
      <c r="Q976" s="22" t="s">
        <v>5351</v>
      </c>
      <c r="R976" s="23">
        <v>45065</v>
      </c>
    </row>
    <row r="977" spans="1:18" ht="14.25" customHeight="1" x14ac:dyDescent="0.2">
      <c r="A977" s="15" t="s">
        <v>8591</v>
      </c>
      <c r="B977" s="10" t="s">
        <v>1811</v>
      </c>
      <c r="C977" s="16">
        <v>1</v>
      </c>
      <c r="D977" s="17">
        <v>511</v>
      </c>
      <c r="E977" s="17">
        <v>1503</v>
      </c>
      <c r="F977" s="25" t="s">
        <v>1146</v>
      </c>
      <c r="G977" s="26" t="s">
        <v>7213</v>
      </c>
      <c r="H977" s="25" t="s">
        <v>1147</v>
      </c>
      <c r="I977" s="25" t="s">
        <v>4967</v>
      </c>
      <c r="J977" s="18">
        <v>35.288612010000001</v>
      </c>
      <c r="K977" s="19">
        <v>139.14068700000001</v>
      </c>
      <c r="L977" s="25" t="s">
        <v>2798</v>
      </c>
      <c r="M977" s="17" t="s">
        <v>3853</v>
      </c>
      <c r="N977" s="16" t="s">
        <v>5352</v>
      </c>
      <c r="O977" s="19">
        <v>1947</v>
      </c>
      <c r="P977" s="19">
        <v>1</v>
      </c>
      <c r="Q977" s="22"/>
      <c r="R977" s="23">
        <v>45065</v>
      </c>
    </row>
    <row r="978" spans="1:18" ht="14.25" customHeight="1" x14ac:dyDescent="0.2">
      <c r="A978" s="15" t="s">
        <v>8592</v>
      </c>
      <c r="B978" s="10" t="s">
        <v>1811</v>
      </c>
      <c r="C978" s="16">
        <v>1</v>
      </c>
      <c r="D978" s="17">
        <v>511</v>
      </c>
      <c r="E978" s="17">
        <v>1503</v>
      </c>
      <c r="F978" s="25" t="s">
        <v>1148</v>
      </c>
      <c r="G978" s="26" t="s">
        <v>7214</v>
      </c>
      <c r="H978" s="25" t="s">
        <v>1149</v>
      </c>
      <c r="I978" s="25" t="s">
        <v>4968</v>
      </c>
      <c r="J978" s="18">
        <v>35.260898730000001</v>
      </c>
      <c r="K978" s="19">
        <v>139.1670799</v>
      </c>
      <c r="L978" s="25" t="s">
        <v>2799</v>
      </c>
      <c r="M978" s="17" t="s">
        <v>3854</v>
      </c>
      <c r="N978" s="16" t="s">
        <v>5353</v>
      </c>
      <c r="O978" s="19">
        <v>1947</v>
      </c>
      <c r="P978" s="19">
        <v>1</v>
      </c>
      <c r="Q978" s="22"/>
      <c r="R978" s="23">
        <v>45065</v>
      </c>
    </row>
    <row r="979" spans="1:18" ht="14.25" customHeight="1" x14ac:dyDescent="0.2">
      <c r="A979" s="15" t="s">
        <v>8593</v>
      </c>
      <c r="B979" s="10" t="s">
        <v>1811</v>
      </c>
      <c r="C979" s="16">
        <v>1</v>
      </c>
      <c r="D979" s="17">
        <v>511</v>
      </c>
      <c r="E979" s="17">
        <v>1503</v>
      </c>
      <c r="F979" s="25" t="s">
        <v>1150</v>
      </c>
      <c r="G979" s="26" t="s">
        <v>7215</v>
      </c>
      <c r="H979" s="25" t="s">
        <v>1151</v>
      </c>
      <c r="I979" s="25" t="s">
        <v>4969</v>
      </c>
      <c r="J979" s="18">
        <v>35.279048320000001</v>
      </c>
      <c r="K979" s="19">
        <v>139.18755049999999</v>
      </c>
      <c r="L979" s="25" t="s">
        <v>2800</v>
      </c>
      <c r="M979" s="17" t="s">
        <v>3855</v>
      </c>
      <c r="N979" s="16" t="s">
        <v>5354</v>
      </c>
      <c r="O979" s="19">
        <v>1873</v>
      </c>
      <c r="P979" s="19">
        <v>1</v>
      </c>
      <c r="Q979" s="22" t="s">
        <v>5355</v>
      </c>
      <c r="R979" s="23">
        <v>45065</v>
      </c>
    </row>
    <row r="980" spans="1:18" ht="14.25" customHeight="1" x14ac:dyDescent="0.2">
      <c r="A980" s="15" t="s">
        <v>8594</v>
      </c>
      <c r="B980" s="10" t="s">
        <v>1811</v>
      </c>
      <c r="C980" s="16">
        <v>1</v>
      </c>
      <c r="D980" s="17">
        <v>511</v>
      </c>
      <c r="E980" s="17">
        <v>1503</v>
      </c>
      <c r="F980" s="25" t="s">
        <v>1152</v>
      </c>
      <c r="G980" s="26" t="s">
        <v>7216</v>
      </c>
      <c r="H980" s="25" t="s">
        <v>1153</v>
      </c>
      <c r="I980" s="25" t="s">
        <v>4970</v>
      </c>
      <c r="J980" s="18">
        <v>35.310187460000002</v>
      </c>
      <c r="K980" s="19">
        <v>139.13952829999999</v>
      </c>
      <c r="L980" s="25" t="s">
        <v>2801</v>
      </c>
      <c r="M980" s="17" t="s">
        <v>3856</v>
      </c>
      <c r="N980" s="16" t="s">
        <v>5356</v>
      </c>
      <c r="O980" s="19">
        <v>1893</v>
      </c>
      <c r="P980" s="19">
        <v>1</v>
      </c>
      <c r="Q980" s="22"/>
      <c r="R980" s="23">
        <v>45065</v>
      </c>
    </row>
    <row r="981" spans="1:18" ht="14.25" customHeight="1" x14ac:dyDescent="0.2">
      <c r="A981" s="15" t="s">
        <v>8595</v>
      </c>
      <c r="B981" s="10" t="s">
        <v>1811</v>
      </c>
      <c r="C981" s="16">
        <v>1</v>
      </c>
      <c r="D981" s="17">
        <v>511</v>
      </c>
      <c r="E981" s="17">
        <v>1503</v>
      </c>
      <c r="F981" s="25" t="s">
        <v>1154</v>
      </c>
      <c r="G981" s="26" t="s">
        <v>7217</v>
      </c>
      <c r="H981" s="25" t="s">
        <v>1155</v>
      </c>
      <c r="I981" s="25" t="s">
        <v>4971</v>
      </c>
      <c r="J981" s="18">
        <v>35.295477550000001</v>
      </c>
      <c r="K981" s="19">
        <v>139.17819499999999</v>
      </c>
      <c r="L981" s="25" t="s">
        <v>2802</v>
      </c>
      <c r="M981" s="17" t="s">
        <v>3857</v>
      </c>
      <c r="N981" s="16" t="s">
        <v>5357</v>
      </c>
      <c r="O981" s="19">
        <v>1873</v>
      </c>
      <c r="P981" s="19">
        <v>1</v>
      </c>
      <c r="Q981" s="22" t="s">
        <v>5358</v>
      </c>
      <c r="R981" s="23">
        <v>45065</v>
      </c>
    </row>
    <row r="982" spans="1:18" ht="14.25" customHeight="1" x14ac:dyDescent="0.2">
      <c r="A982" s="15" t="s">
        <v>8596</v>
      </c>
      <c r="B982" s="10" t="s">
        <v>1811</v>
      </c>
      <c r="C982" s="16">
        <v>1</v>
      </c>
      <c r="D982" s="17">
        <v>511</v>
      </c>
      <c r="E982" s="17">
        <v>1503</v>
      </c>
      <c r="F982" s="25" t="s">
        <v>1156</v>
      </c>
      <c r="G982" s="26" t="s">
        <v>7218</v>
      </c>
      <c r="H982" s="25" t="s">
        <v>1157</v>
      </c>
      <c r="I982" s="25" t="s">
        <v>4972</v>
      </c>
      <c r="J982" s="18">
        <v>35.300311100000002</v>
      </c>
      <c r="K982" s="19">
        <v>139.19042590000001</v>
      </c>
      <c r="L982" s="25" t="s">
        <v>2803</v>
      </c>
      <c r="M982" s="17" t="s">
        <v>3858</v>
      </c>
      <c r="N982" s="16" t="s">
        <v>5359</v>
      </c>
      <c r="O982" s="19">
        <v>1925</v>
      </c>
      <c r="P982" s="19">
        <v>1</v>
      </c>
      <c r="Q982" s="22"/>
      <c r="R982" s="23">
        <v>45065</v>
      </c>
    </row>
    <row r="983" spans="1:18" ht="14.25" customHeight="1" x14ac:dyDescent="0.2">
      <c r="A983" s="15" t="s">
        <v>8597</v>
      </c>
      <c r="B983" s="10" t="s">
        <v>1811</v>
      </c>
      <c r="C983" s="16">
        <v>1</v>
      </c>
      <c r="D983" s="17">
        <v>511</v>
      </c>
      <c r="E983" s="17">
        <v>1503</v>
      </c>
      <c r="F983" s="25" t="s">
        <v>1158</v>
      </c>
      <c r="G983" s="26" t="s">
        <v>7219</v>
      </c>
      <c r="H983" s="25" t="s">
        <v>1159</v>
      </c>
      <c r="I983" s="25" t="s">
        <v>4973</v>
      </c>
      <c r="J983" s="18">
        <v>35.282061179999999</v>
      </c>
      <c r="K983" s="19">
        <v>139.20248509999999</v>
      </c>
      <c r="L983" s="25" t="s">
        <v>2804</v>
      </c>
      <c r="M983" s="17" t="s">
        <v>3859</v>
      </c>
      <c r="N983" s="16" t="s">
        <v>5360</v>
      </c>
      <c r="O983" s="19">
        <v>1886</v>
      </c>
      <c r="P983" s="19">
        <v>1</v>
      </c>
      <c r="Q983" s="22" t="s">
        <v>5361</v>
      </c>
      <c r="R983" s="23">
        <v>45065</v>
      </c>
    </row>
    <row r="984" spans="1:18" ht="14.25" customHeight="1" x14ac:dyDescent="0.2">
      <c r="A984" s="15" t="s">
        <v>8598</v>
      </c>
      <c r="B984" s="10" t="s">
        <v>1811</v>
      </c>
      <c r="C984" s="16">
        <v>1</v>
      </c>
      <c r="D984" s="17">
        <v>511</v>
      </c>
      <c r="E984" s="17">
        <v>1503</v>
      </c>
      <c r="F984" s="25" t="s">
        <v>1160</v>
      </c>
      <c r="G984" s="26" t="s">
        <v>7220</v>
      </c>
      <c r="H984" s="25" t="s">
        <v>1151</v>
      </c>
      <c r="I984" s="25" t="s">
        <v>4974</v>
      </c>
      <c r="J984" s="18">
        <v>35.27000907</v>
      </c>
      <c r="K984" s="19">
        <v>139.19428830000001</v>
      </c>
      <c r="L984" s="25" t="s">
        <v>2805</v>
      </c>
      <c r="M984" s="17" t="s">
        <v>3860</v>
      </c>
      <c r="N984" s="16" t="s">
        <v>5362</v>
      </c>
      <c r="O984" s="19">
        <v>1873</v>
      </c>
      <c r="P984" s="19">
        <v>1</v>
      </c>
      <c r="Q984" s="22"/>
      <c r="R984" s="23">
        <v>45065</v>
      </c>
    </row>
    <row r="985" spans="1:18" ht="14.25" customHeight="1" x14ac:dyDescent="0.2">
      <c r="A985" s="15" t="s">
        <v>8599</v>
      </c>
      <c r="B985" s="10" t="s">
        <v>1811</v>
      </c>
      <c r="C985" s="16">
        <v>1</v>
      </c>
      <c r="D985" s="17">
        <v>511</v>
      </c>
      <c r="E985" s="17">
        <v>1503</v>
      </c>
      <c r="F985" s="25" t="s">
        <v>1161</v>
      </c>
      <c r="G985" s="26" t="s">
        <v>7221</v>
      </c>
      <c r="H985" s="25" t="s">
        <v>1162</v>
      </c>
      <c r="I985" s="25" t="s">
        <v>4975</v>
      </c>
      <c r="J985" s="18">
        <v>35.203515109999998</v>
      </c>
      <c r="K985" s="19">
        <v>139.137125</v>
      </c>
      <c r="L985" s="25" t="s">
        <v>2806</v>
      </c>
      <c r="M985" s="17" t="s">
        <v>3861</v>
      </c>
      <c r="N985" s="16" t="s">
        <v>5363</v>
      </c>
      <c r="O985" s="19">
        <v>1915</v>
      </c>
      <c r="P985" s="19">
        <v>1</v>
      </c>
      <c r="Q985" s="22" t="s">
        <v>5364</v>
      </c>
      <c r="R985" s="23">
        <v>45065</v>
      </c>
    </row>
    <row r="986" spans="1:18" ht="14.25" customHeight="1" x14ac:dyDescent="0.2">
      <c r="A986" s="15" t="s">
        <v>8600</v>
      </c>
      <c r="B986" s="10" t="s">
        <v>1811</v>
      </c>
      <c r="C986" s="16">
        <v>1</v>
      </c>
      <c r="D986" s="17">
        <v>511</v>
      </c>
      <c r="E986" s="17">
        <v>1503</v>
      </c>
      <c r="F986" s="25" t="s">
        <v>1163</v>
      </c>
      <c r="G986" s="26" t="s">
        <v>7222</v>
      </c>
      <c r="H986" s="25" t="s">
        <v>1164</v>
      </c>
      <c r="I986" s="25" t="s">
        <v>4976</v>
      </c>
      <c r="J986" s="18">
        <v>35.31673602</v>
      </c>
      <c r="K986" s="19">
        <v>139.1664791</v>
      </c>
      <c r="L986" s="25" t="s">
        <v>2807</v>
      </c>
      <c r="M986" s="17" t="s">
        <v>3862</v>
      </c>
      <c r="N986" s="16" t="s">
        <v>5365</v>
      </c>
      <c r="O986" s="19">
        <v>1879</v>
      </c>
      <c r="P986" s="19">
        <v>1</v>
      </c>
      <c r="Q986" s="22" t="s">
        <v>5366</v>
      </c>
      <c r="R986" s="23">
        <v>45065</v>
      </c>
    </row>
    <row r="987" spans="1:18" ht="14.25" customHeight="1" x14ac:dyDescent="0.2">
      <c r="A987" s="15" t="s">
        <v>8601</v>
      </c>
      <c r="B987" s="10" t="s">
        <v>1811</v>
      </c>
      <c r="C987" s="16">
        <v>1</v>
      </c>
      <c r="D987" s="17">
        <v>511</v>
      </c>
      <c r="E987" s="17">
        <v>1503</v>
      </c>
      <c r="F987" s="25" t="s">
        <v>1165</v>
      </c>
      <c r="G987" s="26" t="s">
        <v>7223</v>
      </c>
      <c r="H987" s="25" t="s">
        <v>1166</v>
      </c>
      <c r="I987" s="25" t="s">
        <v>4977</v>
      </c>
      <c r="J987" s="18">
        <v>35.291099080000002</v>
      </c>
      <c r="K987" s="19">
        <v>139.15484910000001</v>
      </c>
      <c r="L987" s="25" t="s">
        <v>2808</v>
      </c>
      <c r="M987" s="17" t="s">
        <v>3863</v>
      </c>
      <c r="N987" s="16" t="s">
        <v>5367</v>
      </c>
      <c r="O987" s="19">
        <v>1970</v>
      </c>
      <c r="P987" s="19">
        <v>1</v>
      </c>
      <c r="Q987" s="22"/>
      <c r="R987" s="23">
        <v>45065</v>
      </c>
    </row>
    <row r="988" spans="1:18" ht="14.25" customHeight="1" x14ac:dyDescent="0.2">
      <c r="A988" s="15" t="s">
        <v>8602</v>
      </c>
      <c r="B988" s="10" t="s">
        <v>1811</v>
      </c>
      <c r="C988" s="16">
        <v>1</v>
      </c>
      <c r="D988" s="17">
        <v>511</v>
      </c>
      <c r="E988" s="17">
        <v>1503</v>
      </c>
      <c r="F988" s="25" t="s">
        <v>1167</v>
      </c>
      <c r="G988" s="26" t="s">
        <v>7224</v>
      </c>
      <c r="H988" s="25" t="s">
        <v>1168</v>
      </c>
      <c r="I988" s="25" t="s">
        <v>4978</v>
      </c>
      <c r="J988" s="18">
        <v>35.285669460000001</v>
      </c>
      <c r="K988" s="19">
        <v>139.2263031</v>
      </c>
      <c r="L988" s="25" t="s">
        <v>2809</v>
      </c>
      <c r="M988" s="17" t="s">
        <v>3864</v>
      </c>
      <c r="N988" s="16" t="s">
        <v>5368</v>
      </c>
      <c r="O988" s="19">
        <v>1873</v>
      </c>
      <c r="P988" s="19">
        <v>1</v>
      </c>
      <c r="Q988" s="22" t="s">
        <v>5369</v>
      </c>
      <c r="R988" s="23">
        <v>45065</v>
      </c>
    </row>
    <row r="989" spans="1:18" ht="14.25" customHeight="1" x14ac:dyDescent="0.2">
      <c r="A989" s="15" t="s">
        <v>8962</v>
      </c>
      <c r="B989" s="10" t="s">
        <v>1811</v>
      </c>
      <c r="C989" s="16">
        <v>1</v>
      </c>
      <c r="D989" s="17">
        <v>511</v>
      </c>
      <c r="E989" s="17">
        <v>1503</v>
      </c>
      <c r="F989" s="25" t="s">
        <v>1169</v>
      </c>
      <c r="G989" s="26" t="s">
        <v>7225</v>
      </c>
      <c r="H989" s="25" t="s">
        <v>1170</v>
      </c>
      <c r="I989" s="25" t="s">
        <v>4979</v>
      </c>
      <c r="J989" s="18">
        <v>35.302132370000002</v>
      </c>
      <c r="K989" s="19">
        <v>139.2245436</v>
      </c>
      <c r="L989" s="25" t="s">
        <v>2810</v>
      </c>
      <c r="M989" s="17" t="s">
        <v>3865</v>
      </c>
      <c r="N989" s="16" t="s">
        <v>5370</v>
      </c>
      <c r="O989" s="19">
        <v>1891</v>
      </c>
      <c r="P989" s="19">
        <v>1</v>
      </c>
      <c r="Q989" s="22"/>
      <c r="R989" s="23">
        <v>45065</v>
      </c>
    </row>
    <row r="990" spans="1:18" ht="14.25" customHeight="1" x14ac:dyDescent="0.2">
      <c r="A990" s="15" t="s">
        <v>8603</v>
      </c>
      <c r="B990" s="10" t="s">
        <v>1811</v>
      </c>
      <c r="C990" s="16">
        <v>1</v>
      </c>
      <c r="D990" s="17">
        <v>511</v>
      </c>
      <c r="E990" s="17">
        <v>1503</v>
      </c>
      <c r="F990" s="25" t="s">
        <v>1171</v>
      </c>
      <c r="G990" s="26" t="s">
        <v>7226</v>
      </c>
      <c r="H990" s="25" t="s">
        <v>1172</v>
      </c>
      <c r="I990" s="25" t="s">
        <v>4980</v>
      </c>
      <c r="J990" s="18">
        <v>35.287210809999998</v>
      </c>
      <c r="K990" s="19">
        <v>139.17660710000001</v>
      </c>
      <c r="L990" s="25" t="s">
        <v>2811</v>
      </c>
      <c r="M990" s="17" t="s">
        <v>3866</v>
      </c>
      <c r="N990" s="16" t="s">
        <v>5371</v>
      </c>
      <c r="O990" s="19">
        <v>1973</v>
      </c>
      <c r="P990" s="19">
        <v>1</v>
      </c>
      <c r="Q990" s="22"/>
      <c r="R990" s="23">
        <v>45065</v>
      </c>
    </row>
    <row r="991" spans="1:18" ht="14.25" customHeight="1" x14ac:dyDescent="0.2">
      <c r="A991" s="15" t="s">
        <v>8604</v>
      </c>
      <c r="B991" s="10" t="s">
        <v>1811</v>
      </c>
      <c r="C991" s="16">
        <v>1</v>
      </c>
      <c r="D991" s="17">
        <v>511</v>
      </c>
      <c r="E991" s="17">
        <v>1503</v>
      </c>
      <c r="F991" s="25" t="s">
        <v>1173</v>
      </c>
      <c r="G991" s="26" t="s">
        <v>7227</v>
      </c>
      <c r="H991" s="25" t="s">
        <v>1174</v>
      </c>
      <c r="I991" s="25" t="s">
        <v>4981</v>
      </c>
      <c r="J991" s="18">
        <v>35.301642029999996</v>
      </c>
      <c r="K991" s="19">
        <v>139.1400433</v>
      </c>
      <c r="L991" s="25" t="s">
        <v>2812</v>
      </c>
      <c r="M991" s="17" t="s">
        <v>3867</v>
      </c>
      <c r="N991" s="16" t="s">
        <v>5372</v>
      </c>
      <c r="O991" s="19">
        <v>1977</v>
      </c>
      <c r="P991" s="19">
        <v>1</v>
      </c>
      <c r="Q991" s="22"/>
      <c r="R991" s="23">
        <v>45065</v>
      </c>
    </row>
    <row r="992" spans="1:18" ht="14.25" customHeight="1" x14ac:dyDescent="0.2">
      <c r="A992" s="15" t="s">
        <v>8605</v>
      </c>
      <c r="B992" s="10" t="s">
        <v>1811</v>
      </c>
      <c r="C992" s="16">
        <v>1</v>
      </c>
      <c r="D992" s="17">
        <v>511</v>
      </c>
      <c r="E992" s="17">
        <v>1503</v>
      </c>
      <c r="F992" s="25" t="s">
        <v>1175</v>
      </c>
      <c r="G992" s="26" t="s">
        <v>7228</v>
      </c>
      <c r="H992" s="25" t="s">
        <v>1176</v>
      </c>
      <c r="I992" s="25" t="s">
        <v>4982</v>
      </c>
      <c r="J992" s="18">
        <v>35.286545230000002</v>
      </c>
      <c r="K992" s="19">
        <v>139.16583539999999</v>
      </c>
      <c r="L992" s="25" t="s">
        <v>2813</v>
      </c>
      <c r="M992" s="17" t="s">
        <v>3868</v>
      </c>
      <c r="N992" s="16" t="s">
        <v>5373</v>
      </c>
      <c r="O992" s="19">
        <v>1983</v>
      </c>
      <c r="P992" s="19">
        <v>1</v>
      </c>
      <c r="Q992" s="22"/>
      <c r="R992" s="23">
        <v>45065</v>
      </c>
    </row>
    <row r="993" spans="1:18" s="29" customFormat="1" ht="14.25" customHeight="1" x14ac:dyDescent="0.2">
      <c r="A993" s="15" t="s">
        <v>8606</v>
      </c>
      <c r="B993" s="10" t="s">
        <v>1811</v>
      </c>
      <c r="C993" s="16">
        <v>1</v>
      </c>
      <c r="D993" s="17">
        <v>511</v>
      </c>
      <c r="E993" s="17">
        <v>1503</v>
      </c>
      <c r="F993" s="25" t="s">
        <v>1177</v>
      </c>
      <c r="G993" s="26" t="s">
        <v>7229</v>
      </c>
      <c r="H993" s="25" t="s">
        <v>1178</v>
      </c>
      <c r="I993" s="25" t="s">
        <v>4983</v>
      </c>
      <c r="J993" s="18">
        <v>35.270779900000001</v>
      </c>
      <c r="K993" s="19">
        <v>139.18188570000001</v>
      </c>
      <c r="L993" s="25" t="s">
        <v>2814</v>
      </c>
      <c r="M993" s="17" t="s">
        <v>3869</v>
      </c>
      <c r="N993" s="16" t="s">
        <v>5374</v>
      </c>
      <c r="O993" s="19">
        <v>1985</v>
      </c>
      <c r="P993" s="19">
        <v>1</v>
      </c>
      <c r="Q993" s="22"/>
      <c r="R993" s="23">
        <v>45065</v>
      </c>
    </row>
    <row r="994" spans="1:18" s="29" customFormat="1" ht="14.25" customHeight="1" x14ac:dyDescent="0.2">
      <c r="A994" s="15" t="s">
        <v>8607</v>
      </c>
      <c r="B994" s="10" t="s">
        <v>1811</v>
      </c>
      <c r="C994" s="16">
        <v>2</v>
      </c>
      <c r="D994" s="16">
        <v>512</v>
      </c>
      <c r="E994" s="16">
        <v>1504</v>
      </c>
      <c r="F994" s="31" t="s">
        <v>1720</v>
      </c>
      <c r="G994" s="32" t="s">
        <v>7230</v>
      </c>
      <c r="H994" s="31" t="s">
        <v>1721</v>
      </c>
      <c r="I994" s="31" t="s">
        <v>4984</v>
      </c>
      <c r="J994" s="19">
        <v>35.255011510000003</v>
      </c>
      <c r="K994" s="19">
        <v>139.15218830000001</v>
      </c>
      <c r="L994" s="31" t="s">
        <v>2815</v>
      </c>
      <c r="M994" s="31" t="s">
        <v>3870</v>
      </c>
      <c r="N994" s="16" t="s">
        <v>5375</v>
      </c>
      <c r="O994" s="19">
        <v>1947</v>
      </c>
      <c r="P994" s="19">
        <v>1</v>
      </c>
      <c r="Q994" s="22" t="s">
        <v>5376</v>
      </c>
      <c r="R994" s="23">
        <v>45065</v>
      </c>
    </row>
    <row r="995" spans="1:18" s="29" customFormat="1" ht="14.25" customHeight="1" x14ac:dyDescent="0.2">
      <c r="A995" s="15" t="s">
        <v>8608</v>
      </c>
      <c r="B995" s="10" t="s">
        <v>1811</v>
      </c>
      <c r="C995" s="16">
        <v>2</v>
      </c>
      <c r="D995" s="16">
        <v>512</v>
      </c>
      <c r="E995" s="16">
        <v>1504</v>
      </c>
      <c r="F995" s="31" t="s">
        <v>1722</v>
      </c>
      <c r="G995" s="32" t="s">
        <v>7231</v>
      </c>
      <c r="H995" s="31" t="s">
        <v>1143</v>
      </c>
      <c r="I995" s="31" t="s">
        <v>4985</v>
      </c>
      <c r="J995" s="19">
        <v>35.260197900000001</v>
      </c>
      <c r="K995" s="19">
        <v>139.1806412</v>
      </c>
      <c r="L995" s="31" t="s">
        <v>2816</v>
      </c>
      <c r="M995" s="31" t="s">
        <v>3871</v>
      </c>
      <c r="N995" s="16" t="s">
        <v>5377</v>
      </c>
      <c r="O995" s="19">
        <v>1947</v>
      </c>
      <c r="P995" s="19">
        <v>1</v>
      </c>
      <c r="Q995" s="22" t="s">
        <v>5378</v>
      </c>
      <c r="R995" s="23">
        <v>45065</v>
      </c>
    </row>
    <row r="996" spans="1:18" s="29" customFormat="1" ht="14.25" customHeight="1" x14ac:dyDescent="0.2">
      <c r="A996" s="15" t="s">
        <v>8609</v>
      </c>
      <c r="B996" s="10" t="s">
        <v>1811</v>
      </c>
      <c r="C996" s="16">
        <v>2</v>
      </c>
      <c r="D996" s="16">
        <v>512</v>
      </c>
      <c r="E996" s="16">
        <v>1504</v>
      </c>
      <c r="F996" s="31" t="s">
        <v>1723</v>
      </c>
      <c r="G996" s="32" t="s">
        <v>7232</v>
      </c>
      <c r="H996" s="31" t="s">
        <v>1136</v>
      </c>
      <c r="I996" s="31" t="s">
        <v>4986</v>
      </c>
      <c r="J996" s="19">
        <v>35.273232489999998</v>
      </c>
      <c r="K996" s="19">
        <v>139.15682319999999</v>
      </c>
      <c r="L996" s="31" t="s">
        <v>2817</v>
      </c>
      <c r="M996" s="31" t="s">
        <v>3872</v>
      </c>
      <c r="N996" s="16" t="s">
        <v>5379</v>
      </c>
      <c r="O996" s="19">
        <v>1947</v>
      </c>
      <c r="P996" s="19">
        <v>1</v>
      </c>
      <c r="Q996" s="22"/>
      <c r="R996" s="23">
        <v>45065</v>
      </c>
    </row>
    <row r="997" spans="1:18" s="29" customFormat="1" ht="14.25" customHeight="1" x14ac:dyDescent="0.2">
      <c r="A997" s="15" t="s">
        <v>8610</v>
      </c>
      <c r="B997" s="10" t="s">
        <v>1811</v>
      </c>
      <c r="C997" s="16">
        <v>2</v>
      </c>
      <c r="D997" s="16">
        <v>512</v>
      </c>
      <c r="E997" s="16">
        <v>1504</v>
      </c>
      <c r="F997" s="31" t="s">
        <v>5380</v>
      </c>
      <c r="G997" s="32" t="s">
        <v>7233</v>
      </c>
      <c r="H997" s="31" t="s">
        <v>1139</v>
      </c>
      <c r="I997" s="31" t="s">
        <v>4987</v>
      </c>
      <c r="J997" s="19">
        <v>35.252523320000002</v>
      </c>
      <c r="K997" s="19">
        <v>139.142189</v>
      </c>
      <c r="L997" s="31" t="s">
        <v>2818</v>
      </c>
      <c r="M997" s="31" t="s">
        <v>3873</v>
      </c>
      <c r="N997" s="16" t="s">
        <v>5381</v>
      </c>
      <c r="O997" s="19">
        <v>1947</v>
      </c>
      <c r="P997" s="19">
        <v>1</v>
      </c>
      <c r="Q997" s="22"/>
      <c r="R997" s="23">
        <v>45065</v>
      </c>
    </row>
    <row r="998" spans="1:18" s="29" customFormat="1" ht="14.25" customHeight="1" x14ac:dyDescent="0.2">
      <c r="A998" s="15" t="s">
        <v>8611</v>
      </c>
      <c r="B998" s="10" t="s">
        <v>1811</v>
      </c>
      <c r="C998" s="16">
        <v>2</v>
      </c>
      <c r="D998" s="16">
        <v>512</v>
      </c>
      <c r="E998" s="16">
        <v>1504</v>
      </c>
      <c r="F998" s="31" t="s">
        <v>1724</v>
      </c>
      <c r="G998" s="32" t="s">
        <v>7234</v>
      </c>
      <c r="H998" s="31" t="s">
        <v>1725</v>
      </c>
      <c r="I998" s="31" t="s">
        <v>4988</v>
      </c>
      <c r="J998" s="19">
        <v>35.2842682</v>
      </c>
      <c r="K998" s="19">
        <v>139.1754913</v>
      </c>
      <c r="L998" s="31" t="s">
        <v>2819</v>
      </c>
      <c r="M998" s="31" t="s">
        <v>3874</v>
      </c>
      <c r="N998" s="16" t="s">
        <v>5382</v>
      </c>
      <c r="O998" s="19">
        <v>1947</v>
      </c>
      <c r="P998" s="19">
        <v>1</v>
      </c>
      <c r="Q998" s="22"/>
      <c r="R998" s="23">
        <v>45065</v>
      </c>
    </row>
    <row r="999" spans="1:18" s="29" customFormat="1" ht="14.25" customHeight="1" x14ac:dyDescent="0.2">
      <c r="A999" s="15" t="s">
        <v>8612</v>
      </c>
      <c r="B999" s="10" t="s">
        <v>1811</v>
      </c>
      <c r="C999" s="16">
        <v>2</v>
      </c>
      <c r="D999" s="16">
        <v>512</v>
      </c>
      <c r="E999" s="16">
        <v>1504</v>
      </c>
      <c r="F999" s="31" t="s">
        <v>1726</v>
      </c>
      <c r="G999" s="32" t="s">
        <v>7235</v>
      </c>
      <c r="H999" s="31" t="s">
        <v>1155</v>
      </c>
      <c r="I999" s="31" t="s">
        <v>4989</v>
      </c>
      <c r="J999" s="19">
        <v>35.295442520000002</v>
      </c>
      <c r="K999" s="19">
        <v>139.17647840000001</v>
      </c>
      <c r="L999" s="31" t="s">
        <v>2820</v>
      </c>
      <c r="M999" s="31" t="s">
        <v>3875</v>
      </c>
      <c r="N999" s="16" t="s">
        <v>5383</v>
      </c>
      <c r="O999" s="19">
        <v>1947</v>
      </c>
      <c r="P999" s="19">
        <v>1</v>
      </c>
      <c r="Q999" s="22"/>
      <c r="R999" s="23">
        <v>45065</v>
      </c>
    </row>
    <row r="1000" spans="1:18" s="29" customFormat="1" ht="14.25" customHeight="1" x14ac:dyDescent="0.2">
      <c r="A1000" s="15" t="s">
        <v>8613</v>
      </c>
      <c r="B1000" s="10" t="s">
        <v>1811</v>
      </c>
      <c r="C1000" s="16">
        <v>2</v>
      </c>
      <c r="D1000" s="16">
        <v>512</v>
      </c>
      <c r="E1000" s="16">
        <v>1504</v>
      </c>
      <c r="F1000" s="31" t="s">
        <v>1727</v>
      </c>
      <c r="G1000" s="32" t="s">
        <v>7236</v>
      </c>
      <c r="H1000" s="31" t="s">
        <v>1159</v>
      </c>
      <c r="I1000" s="31" t="s">
        <v>4990</v>
      </c>
      <c r="J1000" s="19">
        <v>35.284513429999997</v>
      </c>
      <c r="K1000" s="19">
        <v>139.1996527</v>
      </c>
      <c r="L1000" s="31" t="s">
        <v>2821</v>
      </c>
      <c r="M1000" s="31" t="s">
        <v>3876</v>
      </c>
      <c r="N1000" s="16" t="s">
        <v>5384</v>
      </c>
      <c r="O1000" s="19">
        <v>1947</v>
      </c>
      <c r="P1000" s="19">
        <v>1</v>
      </c>
      <c r="Q1000" s="22"/>
      <c r="R1000" s="23">
        <v>45065</v>
      </c>
    </row>
    <row r="1001" spans="1:18" s="29" customFormat="1" ht="14.25" customHeight="1" x14ac:dyDescent="0.2">
      <c r="A1001" s="15" t="s">
        <v>8614</v>
      </c>
      <c r="B1001" s="10" t="s">
        <v>1811</v>
      </c>
      <c r="C1001" s="16">
        <v>2</v>
      </c>
      <c r="D1001" s="16">
        <v>512</v>
      </c>
      <c r="E1001" s="16">
        <v>1504</v>
      </c>
      <c r="F1001" s="31" t="s">
        <v>1728</v>
      </c>
      <c r="G1001" s="32" t="s">
        <v>7237</v>
      </c>
      <c r="H1001" s="31" t="s">
        <v>1151</v>
      </c>
      <c r="I1001" s="31" t="s">
        <v>4991</v>
      </c>
      <c r="J1001" s="19">
        <v>35.263912269999999</v>
      </c>
      <c r="K1001" s="19">
        <v>139.1863918</v>
      </c>
      <c r="L1001" s="31" t="s">
        <v>2822</v>
      </c>
      <c r="M1001" s="31" t="s">
        <v>3877</v>
      </c>
      <c r="N1001" s="16" t="s">
        <v>5385</v>
      </c>
      <c r="O1001" s="19">
        <v>1947</v>
      </c>
      <c r="P1001" s="19">
        <v>1</v>
      </c>
      <c r="Q1001" s="22"/>
      <c r="R1001" s="23">
        <v>45065</v>
      </c>
    </row>
    <row r="1002" spans="1:18" ht="14.25" customHeight="1" x14ac:dyDescent="0.2">
      <c r="A1002" s="15" t="s">
        <v>8615</v>
      </c>
      <c r="B1002" s="10" t="s">
        <v>1811</v>
      </c>
      <c r="C1002" s="16">
        <v>2</v>
      </c>
      <c r="D1002" s="16">
        <v>512</v>
      </c>
      <c r="E1002" s="16">
        <v>1504</v>
      </c>
      <c r="F1002" s="31" t="s">
        <v>1729</v>
      </c>
      <c r="G1002" s="32" t="s">
        <v>7238</v>
      </c>
      <c r="H1002" s="31" t="s">
        <v>1147</v>
      </c>
      <c r="I1002" s="31" t="s">
        <v>4992</v>
      </c>
      <c r="J1002" s="19">
        <v>35.287140749999999</v>
      </c>
      <c r="K1002" s="19">
        <v>139.1468668</v>
      </c>
      <c r="L1002" s="31" t="s">
        <v>2823</v>
      </c>
      <c r="M1002" s="31" t="s">
        <v>3878</v>
      </c>
      <c r="N1002" s="16" t="s">
        <v>5386</v>
      </c>
      <c r="O1002" s="19">
        <v>1967</v>
      </c>
      <c r="P1002" s="19">
        <v>1</v>
      </c>
      <c r="Q1002" s="22"/>
      <c r="R1002" s="23">
        <v>45065</v>
      </c>
    </row>
    <row r="1003" spans="1:18" ht="14.25" customHeight="1" x14ac:dyDescent="0.2">
      <c r="A1003" s="15" t="s">
        <v>8963</v>
      </c>
      <c r="B1003" s="10" t="s">
        <v>1811</v>
      </c>
      <c r="C1003" s="16">
        <v>2</v>
      </c>
      <c r="D1003" s="16">
        <v>512</v>
      </c>
      <c r="E1003" s="16">
        <v>1504</v>
      </c>
      <c r="F1003" s="31" t="s">
        <v>1730</v>
      </c>
      <c r="G1003" s="32" t="s">
        <v>7239</v>
      </c>
      <c r="H1003" s="31" t="s">
        <v>1731</v>
      </c>
      <c r="I1003" s="31" t="s">
        <v>4993</v>
      </c>
      <c r="J1003" s="19">
        <v>35.292184970000001</v>
      </c>
      <c r="K1003" s="19">
        <v>139.23213960000001</v>
      </c>
      <c r="L1003" s="31" t="s">
        <v>2824</v>
      </c>
      <c r="M1003" s="16" t="s">
        <v>3879</v>
      </c>
      <c r="N1003" s="16" t="s">
        <v>5387</v>
      </c>
      <c r="O1003" s="19">
        <v>1947</v>
      </c>
      <c r="P1003" s="19">
        <v>1</v>
      </c>
      <c r="Q1003" s="22" t="s">
        <v>5388</v>
      </c>
      <c r="R1003" s="23">
        <v>45065</v>
      </c>
    </row>
    <row r="1004" spans="1:18" ht="14.25" customHeight="1" x14ac:dyDescent="0.2">
      <c r="A1004" s="15" t="s">
        <v>8616</v>
      </c>
      <c r="B1004" s="10" t="s">
        <v>1811</v>
      </c>
      <c r="C1004" s="16">
        <v>2</v>
      </c>
      <c r="D1004" s="16">
        <v>512</v>
      </c>
      <c r="E1004" s="16">
        <v>1504</v>
      </c>
      <c r="F1004" s="31" t="s">
        <v>1732</v>
      </c>
      <c r="G1004" s="32" t="s">
        <v>7240</v>
      </c>
      <c r="H1004" s="31" t="s">
        <v>1733</v>
      </c>
      <c r="I1004" s="31" t="s">
        <v>4994</v>
      </c>
      <c r="J1004" s="19">
        <v>35.307595910000003</v>
      </c>
      <c r="K1004" s="19">
        <v>139.13935660000001</v>
      </c>
      <c r="L1004" s="31" t="s">
        <v>2825</v>
      </c>
      <c r="M1004" s="31" t="s">
        <v>3880</v>
      </c>
      <c r="N1004" s="16" t="s">
        <v>5389</v>
      </c>
      <c r="O1004" s="19">
        <v>1975</v>
      </c>
      <c r="P1004" s="19">
        <v>1</v>
      </c>
      <c r="Q1004" s="22" t="s">
        <v>10675</v>
      </c>
      <c r="R1004" s="23">
        <v>45065</v>
      </c>
    </row>
    <row r="1005" spans="1:18" ht="14.25" customHeight="1" x14ac:dyDescent="0.2">
      <c r="A1005" s="15" t="s">
        <v>8965</v>
      </c>
      <c r="B1005" s="10" t="s">
        <v>1812</v>
      </c>
      <c r="C1005" s="16">
        <v>1</v>
      </c>
      <c r="D1005" s="17">
        <v>511</v>
      </c>
      <c r="E1005" s="17">
        <v>1503</v>
      </c>
      <c r="F1005" s="25" t="s">
        <v>1179</v>
      </c>
      <c r="G1005" s="26" t="s">
        <v>7241</v>
      </c>
      <c r="H1005" s="25" t="s">
        <v>1180</v>
      </c>
      <c r="I1005" s="25" t="s">
        <v>4995</v>
      </c>
      <c r="J1005" s="18"/>
      <c r="K1005" s="19"/>
      <c r="L1005" s="25" t="s">
        <v>2826</v>
      </c>
      <c r="M1005" s="17" t="s">
        <v>4103</v>
      </c>
      <c r="N1005" s="20" t="s">
        <v>9056</v>
      </c>
      <c r="O1005" s="19">
        <v>1892</v>
      </c>
      <c r="P1005" s="19">
        <v>1</v>
      </c>
      <c r="Q1005" s="22"/>
      <c r="R1005" s="23">
        <v>43943</v>
      </c>
    </row>
    <row r="1006" spans="1:18" ht="14.25" customHeight="1" x14ac:dyDescent="0.2">
      <c r="A1006" s="15" t="s">
        <v>9057</v>
      </c>
      <c r="B1006" s="10" t="s">
        <v>1812</v>
      </c>
      <c r="C1006" s="16">
        <v>1</v>
      </c>
      <c r="D1006" s="17">
        <v>511</v>
      </c>
      <c r="E1006" s="17">
        <v>1503</v>
      </c>
      <c r="F1006" s="25" t="s">
        <v>1181</v>
      </c>
      <c r="G1006" s="26" t="s">
        <v>7242</v>
      </c>
      <c r="H1006" s="25" t="s">
        <v>1182</v>
      </c>
      <c r="I1006" s="25" t="s">
        <v>4996</v>
      </c>
      <c r="J1006" s="18"/>
      <c r="K1006" s="19"/>
      <c r="L1006" s="25" t="s">
        <v>2827</v>
      </c>
      <c r="M1006" s="17" t="s">
        <v>9058</v>
      </c>
      <c r="N1006" s="20" t="s">
        <v>9059</v>
      </c>
      <c r="O1006" s="19">
        <v>1909</v>
      </c>
      <c r="P1006" s="19">
        <v>1</v>
      </c>
      <c r="Q1006" s="22"/>
      <c r="R1006" s="23">
        <v>43943</v>
      </c>
    </row>
    <row r="1007" spans="1:18" ht="14.25" customHeight="1" x14ac:dyDescent="0.2">
      <c r="A1007" s="15" t="s">
        <v>8968</v>
      </c>
      <c r="B1007" s="10" t="s">
        <v>1812</v>
      </c>
      <c r="C1007" s="16">
        <v>1</v>
      </c>
      <c r="D1007" s="17">
        <v>511</v>
      </c>
      <c r="E1007" s="17">
        <v>1503</v>
      </c>
      <c r="F1007" s="25" t="s">
        <v>1183</v>
      </c>
      <c r="G1007" s="26" t="s">
        <v>7243</v>
      </c>
      <c r="H1007" s="25" t="s">
        <v>1184</v>
      </c>
      <c r="I1007" s="25" t="s">
        <v>4997</v>
      </c>
      <c r="J1007" s="18"/>
      <c r="K1007" s="19"/>
      <c r="L1007" s="25" t="s">
        <v>2828</v>
      </c>
      <c r="M1007" s="17" t="s">
        <v>4103</v>
      </c>
      <c r="N1007" s="20" t="s">
        <v>9060</v>
      </c>
      <c r="O1007" s="19">
        <v>1894</v>
      </c>
      <c r="P1007" s="19">
        <v>1</v>
      </c>
      <c r="Q1007" s="22"/>
      <c r="R1007" s="23">
        <v>43943</v>
      </c>
    </row>
    <row r="1008" spans="1:18" ht="14.25" customHeight="1" x14ac:dyDescent="0.2">
      <c r="A1008" s="15" t="s">
        <v>8970</v>
      </c>
      <c r="B1008" s="10" t="s">
        <v>1812</v>
      </c>
      <c r="C1008" s="16">
        <v>1</v>
      </c>
      <c r="D1008" s="17">
        <v>511</v>
      </c>
      <c r="E1008" s="17">
        <v>1503</v>
      </c>
      <c r="F1008" s="25" t="s">
        <v>1185</v>
      </c>
      <c r="G1008" s="26" t="s">
        <v>7244</v>
      </c>
      <c r="H1008" s="25" t="s">
        <v>1186</v>
      </c>
      <c r="I1008" s="25" t="s">
        <v>4998</v>
      </c>
      <c r="J1008" s="18"/>
      <c r="K1008" s="19"/>
      <c r="L1008" s="25" t="s">
        <v>2829</v>
      </c>
      <c r="M1008" s="17" t="s">
        <v>4103</v>
      </c>
      <c r="N1008" s="20" t="s">
        <v>9061</v>
      </c>
      <c r="O1008" s="19">
        <v>1952</v>
      </c>
      <c r="P1008" s="19">
        <v>1</v>
      </c>
      <c r="Q1008" s="22"/>
      <c r="R1008" s="23">
        <v>43943</v>
      </c>
    </row>
    <row r="1009" spans="1:18" ht="14.25" customHeight="1" x14ac:dyDescent="0.2">
      <c r="A1009" s="15" t="s">
        <v>8967</v>
      </c>
      <c r="B1009" s="10" t="s">
        <v>1812</v>
      </c>
      <c r="C1009" s="16">
        <v>1</v>
      </c>
      <c r="D1009" s="17">
        <v>511</v>
      </c>
      <c r="E1009" s="17">
        <v>1503</v>
      </c>
      <c r="F1009" s="25" t="s">
        <v>1187</v>
      </c>
      <c r="G1009" s="26" t="s">
        <v>7245</v>
      </c>
      <c r="H1009" s="25" t="s">
        <v>1188</v>
      </c>
      <c r="I1009" s="25" t="s">
        <v>4999</v>
      </c>
      <c r="J1009" s="18"/>
      <c r="K1009" s="19"/>
      <c r="L1009" s="25" t="s">
        <v>2830</v>
      </c>
      <c r="M1009" s="17" t="s">
        <v>4103</v>
      </c>
      <c r="N1009" s="20" t="s">
        <v>9062</v>
      </c>
      <c r="O1009" s="19">
        <v>1892</v>
      </c>
      <c r="P1009" s="19">
        <v>1</v>
      </c>
      <c r="Q1009" s="22"/>
      <c r="R1009" s="23">
        <v>43943</v>
      </c>
    </row>
    <row r="1010" spans="1:18" ht="14.25" customHeight="1" x14ac:dyDescent="0.2">
      <c r="A1010" s="15" t="s">
        <v>8969</v>
      </c>
      <c r="B1010" s="10" t="s">
        <v>1812</v>
      </c>
      <c r="C1010" s="16">
        <v>1</v>
      </c>
      <c r="D1010" s="17">
        <v>511</v>
      </c>
      <c r="E1010" s="17">
        <v>1503</v>
      </c>
      <c r="F1010" s="25" t="s">
        <v>1189</v>
      </c>
      <c r="G1010" s="26" t="s">
        <v>7246</v>
      </c>
      <c r="H1010" s="25" t="s">
        <v>1190</v>
      </c>
      <c r="I1010" s="25" t="s">
        <v>5000</v>
      </c>
      <c r="J1010" s="18"/>
      <c r="K1010" s="19"/>
      <c r="L1010" s="25" t="s">
        <v>2831</v>
      </c>
      <c r="M1010" s="17" t="s">
        <v>4103</v>
      </c>
      <c r="N1010" s="20" t="s">
        <v>9063</v>
      </c>
      <c r="O1010" s="19">
        <v>1956</v>
      </c>
      <c r="P1010" s="19">
        <v>1</v>
      </c>
      <c r="Q1010" s="22"/>
      <c r="R1010" s="23">
        <v>43943</v>
      </c>
    </row>
    <row r="1011" spans="1:18" ht="14.25" customHeight="1" x14ac:dyDescent="0.2">
      <c r="A1011" s="15" t="s">
        <v>9064</v>
      </c>
      <c r="B1011" s="10" t="s">
        <v>1812</v>
      </c>
      <c r="C1011" s="16">
        <v>1</v>
      </c>
      <c r="D1011" s="17">
        <v>511</v>
      </c>
      <c r="E1011" s="17">
        <v>1503</v>
      </c>
      <c r="F1011" s="25" t="s">
        <v>1191</v>
      </c>
      <c r="G1011" s="26" t="s">
        <v>7247</v>
      </c>
      <c r="H1011" s="25" t="s">
        <v>1192</v>
      </c>
      <c r="I1011" s="25" t="s">
        <v>5001</v>
      </c>
      <c r="J1011" s="18"/>
      <c r="K1011" s="19"/>
      <c r="L1011" s="25" t="s">
        <v>2832</v>
      </c>
      <c r="M1011" s="17" t="s">
        <v>4103</v>
      </c>
      <c r="N1011" s="20" t="s">
        <v>9065</v>
      </c>
      <c r="O1011" s="19">
        <v>1959</v>
      </c>
      <c r="P1011" s="19">
        <v>1</v>
      </c>
      <c r="Q1011" s="22"/>
      <c r="R1011" s="23">
        <v>43943</v>
      </c>
    </row>
    <row r="1012" spans="1:18" s="29" customFormat="1" ht="14.25" customHeight="1" x14ac:dyDescent="0.2">
      <c r="A1012" s="15" t="s">
        <v>9066</v>
      </c>
      <c r="B1012" s="10" t="s">
        <v>1812</v>
      </c>
      <c r="C1012" s="16">
        <v>1</v>
      </c>
      <c r="D1012" s="17">
        <v>511</v>
      </c>
      <c r="E1012" s="17">
        <v>1503</v>
      </c>
      <c r="F1012" s="25" t="s">
        <v>1193</v>
      </c>
      <c r="G1012" s="26" t="s">
        <v>7248</v>
      </c>
      <c r="H1012" s="25" t="s">
        <v>1194</v>
      </c>
      <c r="I1012" s="25" t="s">
        <v>5002</v>
      </c>
      <c r="J1012" s="18"/>
      <c r="K1012" s="19"/>
      <c r="L1012" s="25" t="s">
        <v>2833</v>
      </c>
      <c r="M1012" s="17" t="s">
        <v>4103</v>
      </c>
      <c r="N1012" s="20" t="s">
        <v>9067</v>
      </c>
      <c r="O1012" s="19">
        <v>1962</v>
      </c>
      <c r="P1012" s="19">
        <v>1</v>
      </c>
      <c r="Q1012" s="22"/>
      <c r="R1012" s="23">
        <v>43943</v>
      </c>
    </row>
    <row r="1013" spans="1:18" s="29" customFormat="1" ht="14.25" customHeight="1" x14ac:dyDescent="0.2">
      <c r="A1013" s="15" t="s">
        <v>8972</v>
      </c>
      <c r="B1013" s="10" t="s">
        <v>1812</v>
      </c>
      <c r="C1013" s="16">
        <v>1</v>
      </c>
      <c r="D1013" s="17">
        <v>511</v>
      </c>
      <c r="E1013" s="17">
        <v>1503</v>
      </c>
      <c r="F1013" s="25" t="s">
        <v>1195</v>
      </c>
      <c r="G1013" s="26" t="s">
        <v>7249</v>
      </c>
      <c r="H1013" s="25" t="s">
        <v>9050</v>
      </c>
      <c r="I1013" s="25" t="s">
        <v>5003</v>
      </c>
      <c r="J1013" s="18"/>
      <c r="K1013" s="19"/>
      <c r="L1013" s="25" t="s">
        <v>2834</v>
      </c>
      <c r="M1013" s="17" t="s">
        <v>4103</v>
      </c>
      <c r="N1013" s="20" t="s">
        <v>9068</v>
      </c>
      <c r="O1013" s="19">
        <v>1968</v>
      </c>
      <c r="P1013" s="19">
        <v>1</v>
      </c>
      <c r="Q1013" s="22"/>
      <c r="R1013" s="23">
        <v>43943</v>
      </c>
    </row>
    <row r="1014" spans="1:18" s="29" customFormat="1" ht="14.25" customHeight="1" x14ac:dyDescent="0.2">
      <c r="A1014" s="15" t="s">
        <v>9070</v>
      </c>
      <c r="B1014" s="10" t="s">
        <v>1812</v>
      </c>
      <c r="C1014" s="16">
        <v>1</v>
      </c>
      <c r="D1014" s="17">
        <v>511</v>
      </c>
      <c r="E1014" s="17">
        <v>1503</v>
      </c>
      <c r="F1014" s="25" t="s">
        <v>1196</v>
      </c>
      <c r="G1014" s="26" t="s">
        <v>7250</v>
      </c>
      <c r="H1014" s="25" t="s">
        <v>1197</v>
      </c>
      <c r="I1014" s="25" t="s">
        <v>5004</v>
      </c>
      <c r="J1014" s="18"/>
      <c r="K1014" s="19"/>
      <c r="L1014" s="25" t="s">
        <v>2835</v>
      </c>
      <c r="M1014" s="17" t="s">
        <v>4103</v>
      </c>
      <c r="N1014" s="20" t="s">
        <v>9071</v>
      </c>
      <c r="O1014" s="19">
        <v>1968</v>
      </c>
      <c r="P1014" s="19">
        <v>1</v>
      </c>
      <c r="Q1014" s="22"/>
      <c r="R1014" s="23">
        <v>43943</v>
      </c>
    </row>
    <row r="1015" spans="1:18" s="29" customFormat="1" ht="14.25" customHeight="1" x14ac:dyDescent="0.2">
      <c r="A1015" s="15" t="s">
        <v>8974</v>
      </c>
      <c r="B1015" s="10" t="s">
        <v>1812</v>
      </c>
      <c r="C1015" s="16">
        <v>1</v>
      </c>
      <c r="D1015" s="17">
        <v>511</v>
      </c>
      <c r="E1015" s="17">
        <v>1503</v>
      </c>
      <c r="F1015" s="25" t="s">
        <v>1198</v>
      </c>
      <c r="G1015" s="26" t="s">
        <v>7251</v>
      </c>
      <c r="H1015" s="25" t="s">
        <v>1199</v>
      </c>
      <c r="I1015" s="25" t="s">
        <v>5005</v>
      </c>
      <c r="J1015" s="18"/>
      <c r="K1015" s="19"/>
      <c r="L1015" s="25" t="s">
        <v>2836</v>
      </c>
      <c r="M1015" s="17" t="s">
        <v>4103</v>
      </c>
      <c r="N1015" s="20" t="s">
        <v>9072</v>
      </c>
      <c r="O1015" s="19">
        <v>1969</v>
      </c>
      <c r="P1015" s="19">
        <v>1</v>
      </c>
      <c r="Q1015" s="22"/>
      <c r="R1015" s="23">
        <v>43943</v>
      </c>
    </row>
    <row r="1016" spans="1:18" ht="14.25" customHeight="1" x14ac:dyDescent="0.2">
      <c r="A1016" s="15" t="s">
        <v>9073</v>
      </c>
      <c r="B1016" s="10" t="s">
        <v>1812</v>
      </c>
      <c r="C1016" s="16">
        <v>1</v>
      </c>
      <c r="D1016" s="17">
        <v>511</v>
      </c>
      <c r="E1016" s="17">
        <v>1503</v>
      </c>
      <c r="F1016" s="25" t="s">
        <v>1200</v>
      </c>
      <c r="G1016" s="26" t="s">
        <v>7252</v>
      </c>
      <c r="H1016" s="25" t="s">
        <v>1201</v>
      </c>
      <c r="I1016" s="25" t="s">
        <v>5006</v>
      </c>
      <c r="J1016" s="18"/>
      <c r="K1016" s="19"/>
      <c r="L1016" s="25" t="s">
        <v>2837</v>
      </c>
      <c r="M1016" s="17" t="s">
        <v>4103</v>
      </c>
      <c r="N1016" s="20" t="s">
        <v>9074</v>
      </c>
      <c r="O1016" s="19">
        <v>1974</v>
      </c>
      <c r="P1016" s="19">
        <v>1</v>
      </c>
      <c r="Q1016" s="22"/>
      <c r="R1016" s="23">
        <v>43943</v>
      </c>
    </row>
    <row r="1017" spans="1:18" ht="14.25" customHeight="1" x14ac:dyDescent="0.2">
      <c r="A1017" s="15" t="s">
        <v>8964</v>
      </c>
      <c r="B1017" s="10" t="s">
        <v>1812</v>
      </c>
      <c r="C1017" s="16">
        <v>1</v>
      </c>
      <c r="D1017" s="17">
        <v>511</v>
      </c>
      <c r="E1017" s="17">
        <v>1503</v>
      </c>
      <c r="F1017" s="25" t="s">
        <v>1202</v>
      </c>
      <c r="G1017" s="26" t="s">
        <v>7253</v>
      </c>
      <c r="H1017" s="25" t="s">
        <v>1203</v>
      </c>
      <c r="I1017" s="25" t="s">
        <v>5007</v>
      </c>
      <c r="J1017" s="18"/>
      <c r="K1017" s="19"/>
      <c r="L1017" s="25" t="s">
        <v>2838</v>
      </c>
      <c r="M1017" s="17" t="s">
        <v>4103</v>
      </c>
      <c r="N1017" s="20" t="s">
        <v>9075</v>
      </c>
      <c r="O1017" s="19">
        <v>1977</v>
      </c>
      <c r="P1017" s="19">
        <v>1</v>
      </c>
      <c r="Q1017" s="22"/>
      <c r="R1017" s="23">
        <v>43943</v>
      </c>
    </row>
    <row r="1018" spans="1:18" ht="14.25" customHeight="1" x14ac:dyDescent="0.2">
      <c r="A1018" s="15" t="s">
        <v>9076</v>
      </c>
      <c r="B1018" s="10" t="s">
        <v>1812</v>
      </c>
      <c r="C1018" s="16">
        <v>1</v>
      </c>
      <c r="D1018" s="17">
        <v>511</v>
      </c>
      <c r="E1018" s="17">
        <v>1503</v>
      </c>
      <c r="F1018" s="25" t="s">
        <v>1204</v>
      </c>
      <c r="G1018" s="26" t="s">
        <v>7254</v>
      </c>
      <c r="H1018" s="25" t="s">
        <v>1205</v>
      </c>
      <c r="I1018" s="25" t="s">
        <v>5008</v>
      </c>
      <c r="J1018" s="18"/>
      <c r="K1018" s="19"/>
      <c r="L1018" s="25" t="s">
        <v>2839</v>
      </c>
      <c r="M1018" s="17" t="s">
        <v>4103</v>
      </c>
      <c r="N1018" s="20" t="s">
        <v>9077</v>
      </c>
      <c r="O1018" s="19">
        <v>1978</v>
      </c>
      <c r="P1018" s="19">
        <v>1</v>
      </c>
      <c r="Q1018" s="22"/>
      <c r="R1018" s="23">
        <v>43943</v>
      </c>
    </row>
    <row r="1019" spans="1:18" ht="14.25" customHeight="1" x14ac:dyDescent="0.2">
      <c r="A1019" s="15" t="s">
        <v>9078</v>
      </c>
      <c r="B1019" s="10" t="s">
        <v>1812</v>
      </c>
      <c r="C1019" s="16">
        <v>1</v>
      </c>
      <c r="D1019" s="17">
        <v>511</v>
      </c>
      <c r="E1019" s="17">
        <v>1503</v>
      </c>
      <c r="F1019" s="25" t="s">
        <v>1206</v>
      </c>
      <c r="G1019" s="26" t="s">
        <v>7255</v>
      </c>
      <c r="H1019" s="25" t="s">
        <v>1207</v>
      </c>
      <c r="I1019" s="25" t="s">
        <v>5009</v>
      </c>
      <c r="J1019" s="18"/>
      <c r="K1019" s="19"/>
      <c r="L1019" s="25" t="s">
        <v>2840</v>
      </c>
      <c r="M1019" s="17" t="s">
        <v>4103</v>
      </c>
      <c r="N1019" s="20" t="s">
        <v>9079</v>
      </c>
      <c r="O1019" s="19">
        <v>1979</v>
      </c>
      <c r="P1019" s="19">
        <v>1</v>
      </c>
      <c r="Q1019" s="22"/>
      <c r="R1019" s="23">
        <v>43943</v>
      </c>
    </row>
    <row r="1020" spans="1:18" ht="14.25" customHeight="1" x14ac:dyDescent="0.2">
      <c r="A1020" s="15" t="s">
        <v>8971</v>
      </c>
      <c r="B1020" s="10" t="s">
        <v>1812</v>
      </c>
      <c r="C1020" s="16">
        <v>1</v>
      </c>
      <c r="D1020" s="17">
        <v>511</v>
      </c>
      <c r="E1020" s="17">
        <v>1503</v>
      </c>
      <c r="F1020" s="25" t="s">
        <v>1208</v>
      </c>
      <c r="G1020" s="26" t="s">
        <v>7256</v>
      </c>
      <c r="H1020" s="25" t="s">
        <v>1209</v>
      </c>
      <c r="I1020" s="25" t="s">
        <v>5010</v>
      </c>
      <c r="J1020" s="18"/>
      <c r="K1020" s="19"/>
      <c r="L1020" s="25" t="s">
        <v>2841</v>
      </c>
      <c r="M1020" s="17" t="s">
        <v>4103</v>
      </c>
      <c r="N1020" s="20" t="s">
        <v>9080</v>
      </c>
      <c r="O1020" s="19">
        <v>1981</v>
      </c>
      <c r="P1020" s="19">
        <v>1</v>
      </c>
      <c r="Q1020" s="22"/>
      <c r="R1020" s="23">
        <v>43943</v>
      </c>
    </row>
    <row r="1021" spans="1:18" ht="14.25" customHeight="1" x14ac:dyDescent="0.2">
      <c r="A1021" s="15" t="s">
        <v>8973</v>
      </c>
      <c r="B1021" s="10" t="s">
        <v>1812</v>
      </c>
      <c r="C1021" s="16">
        <v>1</v>
      </c>
      <c r="D1021" s="17">
        <v>511</v>
      </c>
      <c r="E1021" s="17">
        <v>1503</v>
      </c>
      <c r="F1021" s="25" t="s">
        <v>1210</v>
      </c>
      <c r="G1021" s="26" t="s">
        <v>7257</v>
      </c>
      <c r="H1021" s="25" t="s">
        <v>1182</v>
      </c>
      <c r="I1021" s="25" t="s">
        <v>5011</v>
      </c>
      <c r="J1021" s="18"/>
      <c r="K1021" s="19"/>
      <c r="L1021" s="25" t="s">
        <v>2842</v>
      </c>
      <c r="M1021" s="17" t="s">
        <v>4103</v>
      </c>
      <c r="N1021" s="20" t="s">
        <v>9081</v>
      </c>
      <c r="O1021" s="19">
        <v>1998</v>
      </c>
      <c r="P1021" s="19">
        <v>1</v>
      </c>
      <c r="Q1021" s="22"/>
      <c r="R1021" s="23">
        <v>43943</v>
      </c>
    </row>
    <row r="1022" spans="1:18" ht="14.25" customHeight="1" x14ac:dyDescent="0.2">
      <c r="A1022" s="15" t="s">
        <v>8975</v>
      </c>
      <c r="B1022" s="10" t="s">
        <v>1812</v>
      </c>
      <c r="C1022" s="16">
        <v>1</v>
      </c>
      <c r="D1022" s="17">
        <v>511</v>
      </c>
      <c r="E1022" s="17">
        <v>1503</v>
      </c>
      <c r="F1022" s="25" t="s">
        <v>1211</v>
      </c>
      <c r="G1022" s="26" t="s">
        <v>7258</v>
      </c>
      <c r="H1022" s="25" t="s">
        <v>1212</v>
      </c>
      <c r="I1022" s="25" t="s">
        <v>5012</v>
      </c>
      <c r="J1022" s="18"/>
      <c r="K1022" s="19"/>
      <c r="L1022" s="25" t="s">
        <v>2843</v>
      </c>
      <c r="M1022" s="17" t="s">
        <v>9069</v>
      </c>
      <c r="N1022" s="20" t="s">
        <v>9082</v>
      </c>
      <c r="O1022" s="19">
        <v>2001</v>
      </c>
      <c r="P1022" s="19">
        <v>1</v>
      </c>
      <c r="Q1022" s="22"/>
      <c r="R1022" s="23">
        <v>43943</v>
      </c>
    </row>
    <row r="1023" spans="1:18" ht="14.25" customHeight="1" x14ac:dyDescent="0.2">
      <c r="A1023" s="15" t="s">
        <v>8966</v>
      </c>
      <c r="B1023" s="10" t="s">
        <v>1812</v>
      </c>
      <c r="C1023" s="16">
        <v>1</v>
      </c>
      <c r="D1023" s="17">
        <v>511</v>
      </c>
      <c r="E1023" s="17">
        <v>1503</v>
      </c>
      <c r="F1023" s="25" t="s">
        <v>1213</v>
      </c>
      <c r="G1023" s="26" t="s">
        <v>7259</v>
      </c>
      <c r="H1023" s="25" t="s">
        <v>9051</v>
      </c>
      <c r="I1023" s="25" t="s">
        <v>5013</v>
      </c>
      <c r="J1023" s="18"/>
      <c r="K1023" s="19"/>
      <c r="L1023" s="25" t="s">
        <v>2844</v>
      </c>
      <c r="M1023" s="17" t="s">
        <v>4103</v>
      </c>
      <c r="N1023" s="20" t="s">
        <v>9083</v>
      </c>
      <c r="O1023" s="19">
        <v>2011</v>
      </c>
      <c r="P1023" s="19">
        <v>1</v>
      </c>
      <c r="Q1023" s="22"/>
      <c r="R1023" s="23">
        <v>43943</v>
      </c>
    </row>
    <row r="1024" spans="1:18" ht="14.25" customHeight="1" x14ac:dyDescent="0.2">
      <c r="A1024" s="15" t="s">
        <v>8980</v>
      </c>
      <c r="B1024" s="10" t="s">
        <v>1812</v>
      </c>
      <c r="C1024" s="16">
        <v>2</v>
      </c>
      <c r="D1024" s="16">
        <v>512</v>
      </c>
      <c r="E1024" s="16">
        <v>1504</v>
      </c>
      <c r="F1024" s="31" t="s">
        <v>1734</v>
      </c>
      <c r="G1024" s="32" t="s">
        <v>7260</v>
      </c>
      <c r="H1024" s="31" t="s">
        <v>1209</v>
      </c>
      <c r="I1024" s="31" t="s">
        <v>5010</v>
      </c>
      <c r="J1024" s="19"/>
      <c r="K1024" s="19"/>
      <c r="L1024" s="31" t="s">
        <v>2845</v>
      </c>
      <c r="M1024" s="17" t="s">
        <v>4103</v>
      </c>
      <c r="N1024" s="20" t="s">
        <v>9084</v>
      </c>
      <c r="O1024" s="19">
        <v>1947</v>
      </c>
      <c r="P1024" s="19">
        <v>0</v>
      </c>
      <c r="Q1024" s="22"/>
      <c r="R1024" s="23">
        <v>43943</v>
      </c>
    </row>
    <row r="1025" spans="1:18" ht="14.25" customHeight="1" x14ac:dyDescent="0.2">
      <c r="A1025" s="15" t="s">
        <v>8983</v>
      </c>
      <c r="B1025" s="10" t="s">
        <v>1812</v>
      </c>
      <c r="C1025" s="16">
        <v>2</v>
      </c>
      <c r="D1025" s="16">
        <v>512</v>
      </c>
      <c r="E1025" s="16">
        <v>1504</v>
      </c>
      <c r="F1025" s="31" t="s">
        <v>9085</v>
      </c>
      <c r="G1025" s="32" t="s">
        <v>7261</v>
      </c>
      <c r="H1025" s="31" t="s">
        <v>1182</v>
      </c>
      <c r="I1025" s="31" t="s">
        <v>5014</v>
      </c>
      <c r="J1025" s="19"/>
      <c r="K1025" s="19"/>
      <c r="L1025" s="31" t="s">
        <v>2846</v>
      </c>
      <c r="M1025" s="17" t="s">
        <v>4103</v>
      </c>
      <c r="N1025" s="20" t="s">
        <v>9086</v>
      </c>
      <c r="O1025" s="19">
        <v>1947</v>
      </c>
      <c r="P1025" s="19">
        <v>0</v>
      </c>
      <c r="Q1025" s="22"/>
      <c r="R1025" s="23">
        <v>43943</v>
      </c>
    </row>
    <row r="1026" spans="1:18" ht="14.25" customHeight="1" x14ac:dyDescent="0.2">
      <c r="A1026" s="15" t="s">
        <v>8977</v>
      </c>
      <c r="B1026" s="10" t="s">
        <v>1812</v>
      </c>
      <c r="C1026" s="16">
        <v>2</v>
      </c>
      <c r="D1026" s="16">
        <v>512</v>
      </c>
      <c r="E1026" s="16">
        <v>1504</v>
      </c>
      <c r="F1026" s="31" t="s">
        <v>1735</v>
      </c>
      <c r="G1026" s="32" t="s">
        <v>7262</v>
      </c>
      <c r="H1026" s="31" t="s">
        <v>1207</v>
      </c>
      <c r="I1026" s="31" t="s">
        <v>5015</v>
      </c>
      <c r="J1026" s="19"/>
      <c r="K1026" s="19"/>
      <c r="L1026" s="31" t="s">
        <v>2847</v>
      </c>
      <c r="M1026" s="17" t="s">
        <v>4103</v>
      </c>
      <c r="N1026" s="20" t="s">
        <v>9087</v>
      </c>
      <c r="O1026" s="19">
        <v>1947</v>
      </c>
      <c r="P1026" s="19">
        <v>0</v>
      </c>
      <c r="Q1026" s="22"/>
      <c r="R1026" s="23">
        <v>43943</v>
      </c>
    </row>
    <row r="1027" spans="1:18" ht="14.25" customHeight="1" x14ac:dyDescent="0.2">
      <c r="A1027" s="15" t="s">
        <v>8978</v>
      </c>
      <c r="B1027" s="10" t="s">
        <v>1812</v>
      </c>
      <c r="C1027" s="16">
        <v>2</v>
      </c>
      <c r="D1027" s="16">
        <v>512</v>
      </c>
      <c r="E1027" s="16">
        <v>1504</v>
      </c>
      <c r="F1027" s="31" t="s">
        <v>1736</v>
      </c>
      <c r="G1027" s="32" t="s">
        <v>7263</v>
      </c>
      <c r="H1027" s="31" t="s">
        <v>1186</v>
      </c>
      <c r="I1027" s="31" t="s">
        <v>5016</v>
      </c>
      <c r="J1027" s="19"/>
      <c r="K1027" s="19"/>
      <c r="L1027" s="31" t="s">
        <v>2848</v>
      </c>
      <c r="M1027" s="17" t="s">
        <v>4103</v>
      </c>
      <c r="N1027" s="20" t="s">
        <v>9088</v>
      </c>
      <c r="O1027" s="19">
        <v>1954</v>
      </c>
      <c r="P1027" s="19">
        <v>0</v>
      </c>
      <c r="Q1027" s="22"/>
      <c r="R1027" s="23">
        <v>43943</v>
      </c>
    </row>
    <row r="1028" spans="1:18" ht="14.25" customHeight="1" x14ac:dyDescent="0.2">
      <c r="A1028" s="15" t="s">
        <v>9089</v>
      </c>
      <c r="B1028" s="10" t="s">
        <v>1812</v>
      </c>
      <c r="C1028" s="16">
        <v>2</v>
      </c>
      <c r="D1028" s="16">
        <v>512</v>
      </c>
      <c r="E1028" s="16">
        <v>1504</v>
      </c>
      <c r="F1028" s="31" t="s">
        <v>5390</v>
      </c>
      <c r="G1028" s="32" t="s">
        <v>7264</v>
      </c>
      <c r="H1028" s="31" t="s">
        <v>1190</v>
      </c>
      <c r="I1028" s="31" t="s">
        <v>5017</v>
      </c>
      <c r="J1028" s="19"/>
      <c r="K1028" s="19"/>
      <c r="L1028" s="31" t="s">
        <v>2849</v>
      </c>
      <c r="M1028" s="17" t="s">
        <v>4103</v>
      </c>
      <c r="N1028" s="20" t="s">
        <v>9090</v>
      </c>
      <c r="O1028" s="19">
        <v>1960</v>
      </c>
      <c r="P1028" s="19">
        <v>0</v>
      </c>
      <c r="Q1028" s="22"/>
      <c r="R1028" s="23">
        <v>43943</v>
      </c>
    </row>
    <row r="1029" spans="1:18" s="29" customFormat="1" ht="14.25" customHeight="1" x14ac:dyDescent="0.2">
      <c r="A1029" s="15" t="s">
        <v>8984</v>
      </c>
      <c r="B1029" s="10" t="s">
        <v>1812</v>
      </c>
      <c r="C1029" s="16">
        <v>2</v>
      </c>
      <c r="D1029" s="16">
        <v>512</v>
      </c>
      <c r="E1029" s="16">
        <v>1504</v>
      </c>
      <c r="F1029" s="31" t="s">
        <v>9091</v>
      </c>
      <c r="G1029" s="32" t="s">
        <v>7265</v>
      </c>
      <c r="H1029" s="31" t="s">
        <v>1737</v>
      </c>
      <c r="I1029" s="31" t="s">
        <v>5018</v>
      </c>
      <c r="J1029" s="19"/>
      <c r="K1029" s="19"/>
      <c r="L1029" s="31" t="s">
        <v>2850</v>
      </c>
      <c r="M1029" s="17" t="s">
        <v>4103</v>
      </c>
      <c r="N1029" s="20" t="s">
        <v>9092</v>
      </c>
      <c r="O1029" s="19">
        <v>1961</v>
      </c>
      <c r="P1029" s="19">
        <v>0</v>
      </c>
      <c r="Q1029" s="22"/>
      <c r="R1029" s="23">
        <v>43943</v>
      </c>
    </row>
    <row r="1030" spans="1:18" s="29" customFormat="1" ht="14.25" customHeight="1" x14ac:dyDescent="0.2">
      <c r="A1030" s="15" t="s">
        <v>8982</v>
      </c>
      <c r="B1030" s="10" t="s">
        <v>1812</v>
      </c>
      <c r="C1030" s="16">
        <v>2</v>
      </c>
      <c r="D1030" s="16">
        <v>512</v>
      </c>
      <c r="E1030" s="16">
        <v>1504</v>
      </c>
      <c r="F1030" s="31" t="s">
        <v>9093</v>
      </c>
      <c r="G1030" s="32" t="s">
        <v>7266</v>
      </c>
      <c r="H1030" s="31" t="s">
        <v>1197</v>
      </c>
      <c r="I1030" s="31" t="s">
        <v>5019</v>
      </c>
      <c r="J1030" s="19"/>
      <c r="K1030" s="19"/>
      <c r="L1030" s="31" t="s">
        <v>2851</v>
      </c>
      <c r="M1030" s="17" t="s">
        <v>9058</v>
      </c>
      <c r="N1030" s="20" t="s">
        <v>9094</v>
      </c>
      <c r="O1030" s="19">
        <v>1968</v>
      </c>
      <c r="P1030" s="19">
        <v>0</v>
      </c>
      <c r="Q1030" s="22"/>
      <c r="R1030" s="23">
        <v>43943</v>
      </c>
    </row>
    <row r="1031" spans="1:18" s="29" customFormat="1" ht="14.25" customHeight="1" x14ac:dyDescent="0.2">
      <c r="A1031" s="15" t="s">
        <v>8986</v>
      </c>
      <c r="B1031" s="10" t="s">
        <v>1812</v>
      </c>
      <c r="C1031" s="16">
        <v>2</v>
      </c>
      <c r="D1031" s="16">
        <v>512</v>
      </c>
      <c r="E1031" s="16">
        <v>1504</v>
      </c>
      <c r="F1031" s="31" t="s">
        <v>1738</v>
      </c>
      <c r="G1031" s="32" t="s">
        <v>7267</v>
      </c>
      <c r="H1031" s="31" t="s">
        <v>1739</v>
      </c>
      <c r="I1031" s="31" t="s">
        <v>5020</v>
      </c>
      <c r="J1031" s="19"/>
      <c r="K1031" s="19"/>
      <c r="L1031" s="31" t="s">
        <v>2852</v>
      </c>
      <c r="M1031" s="17" t="s">
        <v>4103</v>
      </c>
      <c r="N1031" s="20" t="s">
        <v>9095</v>
      </c>
      <c r="O1031" s="19">
        <v>1975</v>
      </c>
      <c r="P1031" s="19">
        <v>0</v>
      </c>
      <c r="Q1031" s="22"/>
      <c r="R1031" s="23">
        <v>43943</v>
      </c>
    </row>
    <row r="1032" spans="1:18" s="29" customFormat="1" ht="14.25" customHeight="1" x14ac:dyDescent="0.2">
      <c r="A1032" s="15" t="s">
        <v>8987</v>
      </c>
      <c r="B1032" s="10" t="s">
        <v>1812</v>
      </c>
      <c r="C1032" s="16">
        <v>2</v>
      </c>
      <c r="D1032" s="16">
        <v>512</v>
      </c>
      <c r="E1032" s="16">
        <v>1504</v>
      </c>
      <c r="F1032" s="31" t="s">
        <v>1740</v>
      </c>
      <c r="G1032" s="32" t="s">
        <v>7268</v>
      </c>
      <c r="H1032" s="31" t="s">
        <v>1741</v>
      </c>
      <c r="I1032" s="31" t="s">
        <v>5021</v>
      </c>
      <c r="J1032" s="19"/>
      <c r="K1032" s="19"/>
      <c r="L1032" s="31" t="s">
        <v>2853</v>
      </c>
      <c r="M1032" s="17" t="s">
        <v>9058</v>
      </c>
      <c r="N1032" s="20" t="s">
        <v>9096</v>
      </c>
      <c r="O1032" s="19">
        <v>1976</v>
      </c>
      <c r="P1032" s="19">
        <v>0</v>
      </c>
      <c r="Q1032" s="22"/>
      <c r="R1032" s="23">
        <v>43943</v>
      </c>
    </row>
    <row r="1033" spans="1:18" s="29" customFormat="1" ht="14.25" customHeight="1" x14ac:dyDescent="0.2">
      <c r="A1033" s="15" t="s">
        <v>8981</v>
      </c>
      <c r="B1033" s="10" t="s">
        <v>1812</v>
      </c>
      <c r="C1033" s="16">
        <v>2</v>
      </c>
      <c r="D1033" s="16">
        <v>512</v>
      </c>
      <c r="E1033" s="16">
        <v>1504</v>
      </c>
      <c r="F1033" s="31" t="s">
        <v>1742</v>
      </c>
      <c r="G1033" s="32" t="s">
        <v>7269</v>
      </c>
      <c r="H1033" s="31" t="s">
        <v>1743</v>
      </c>
      <c r="I1033" s="31" t="s">
        <v>5022</v>
      </c>
      <c r="J1033" s="19"/>
      <c r="K1033" s="19"/>
      <c r="L1033" s="31" t="s">
        <v>2854</v>
      </c>
      <c r="M1033" s="17" t="s">
        <v>4103</v>
      </c>
      <c r="N1033" s="20" t="s">
        <v>9097</v>
      </c>
      <c r="O1033" s="19">
        <v>1976</v>
      </c>
      <c r="P1033" s="19">
        <v>0</v>
      </c>
      <c r="Q1033" s="22"/>
      <c r="R1033" s="23">
        <v>43943</v>
      </c>
    </row>
    <row r="1034" spans="1:18" s="29" customFormat="1" ht="14.25" customHeight="1" x14ac:dyDescent="0.2">
      <c r="A1034" s="15" t="s">
        <v>8976</v>
      </c>
      <c r="B1034" s="10" t="s">
        <v>1812</v>
      </c>
      <c r="C1034" s="16">
        <v>2</v>
      </c>
      <c r="D1034" s="16">
        <v>512</v>
      </c>
      <c r="E1034" s="16">
        <v>1504</v>
      </c>
      <c r="F1034" s="31" t="s">
        <v>1744</v>
      </c>
      <c r="G1034" s="32" t="s">
        <v>7270</v>
      </c>
      <c r="H1034" s="31" t="s">
        <v>1203</v>
      </c>
      <c r="I1034" s="31" t="s">
        <v>5023</v>
      </c>
      <c r="J1034" s="19"/>
      <c r="K1034" s="19"/>
      <c r="L1034" s="31" t="s">
        <v>2855</v>
      </c>
      <c r="M1034" s="17" t="s">
        <v>4103</v>
      </c>
      <c r="N1034" s="20" t="s">
        <v>9098</v>
      </c>
      <c r="O1034" s="19">
        <v>1981</v>
      </c>
      <c r="P1034" s="19">
        <v>0</v>
      </c>
      <c r="Q1034" s="22"/>
      <c r="R1034" s="23">
        <v>43943</v>
      </c>
    </row>
    <row r="1035" spans="1:18" ht="14.25" customHeight="1" x14ac:dyDescent="0.2">
      <c r="A1035" s="15" t="s">
        <v>8979</v>
      </c>
      <c r="B1035" s="10" t="s">
        <v>1812</v>
      </c>
      <c r="C1035" s="16">
        <v>2</v>
      </c>
      <c r="D1035" s="16">
        <v>512</v>
      </c>
      <c r="E1035" s="16">
        <v>1504</v>
      </c>
      <c r="F1035" s="31" t="s">
        <v>1745</v>
      </c>
      <c r="G1035" s="32" t="s">
        <v>7271</v>
      </c>
      <c r="H1035" s="31" t="s">
        <v>1746</v>
      </c>
      <c r="I1035" s="31" t="s">
        <v>5024</v>
      </c>
      <c r="J1035" s="19"/>
      <c r="K1035" s="19"/>
      <c r="L1035" s="31" t="s">
        <v>2856</v>
      </c>
      <c r="M1035" s="17" t="s">
        <v>4103</v>
      </c>
      <c r="N1035" s="20" t="s">
        <v>9099</v>
      </c>
      <c r="O1035" s="19">
        <v>1985</v>
      </c>
      <c r="P1035" s="19">
        <v>0</v>
      </c>
      <c r="Q1035" s="22"/>
      <c r="R1035" s="23">
        <v>43943</v>
      </c>
    </row>
    <row r="1036" spans="1:18" ht="14.25" customHeight="1" x14ac:dyDescent="0.2">
      <c r="A1036" s="15" t="s">
        <v>8985</v>
      </c>
      <c r="B1036" s="10" t="s">
        <v>1812</v>
      </c>
      <c r="C1036" s="16">
        <v>2</v>
      </c>
      <c r="D1036" s="16">
        <v>512</v>
      </c>
      <c r="E1036" s="16">
        <v>1504</v>
      </c>
      <c r="F1036" s="31" t="s">
        <v>9100</v>
      </c>
      <c r="G1036" s="32" t="s">
        <v>7272</v>
      </c>
      <c r="H1036" s="31" t="s">
        <v>1747</v>
      </c>
      <c r="I1036" s="31" t="s">
        <v>5025</v>
      </c>
      <c r="J1036" s="19"/>
      <c r="K1036" s="19"/>
      <c r="L1036" s="31" t="s">
        <v>2857</v>
      </c>
      <c r="M1036" s="17" t="s">
        <v>4103</v>
      </c>
      <c r="N1036" s="20" t="s">
        <v>9101</v>
      </c>
      <c r="O1036" s="19">
        <v>1986</v>
      </c>
      <c r="P1036" s="19">
        <v>0</v>
      </c>
      <c r="Q1036" s="22"/>
      <c r="R1036" s="23">
        <v>43943</v>
      </c>
    </row>
    <row r="1037" spans="1:18" ht="14.25" customHeight="1" x14ac:dyDescent="0.2">
      <c r="A1037" s="42" t="s">
        <v>8617</v>
      </c>
      <c r="B1037" s="10" t="s">
        <v>1813</v>
      </c>
      <c r="C1037" s="40">
        <v>1</v>
      </c>
      <c r="D1037" s="17">
        <v>511</v>
      </c>
      <c r="E1037" s="17">
        <v>1503</v>
      </c>
      <c r="F1037" s="43" t="s">
        <v>1214</v>
      </c>
      <c r="G1037" s="26" t="s">
        <v>7273</v>
      </c>
      <c r="H1037" s="43" t="s">
        <v>1215</v>
      </c>
      <c r="I1037" s="43" t="s">
        <v>5026</v>
      </c>
      <c r="J1037" s="18"/>
      <c r="K1037" s="19"/>
      <c r="L1037" s="43" t="s">
        <v>2858</v>
      </c>
      <c r="M1037" s="17" t="s">
        <v>3881</v>
      </c>
      <c r="N1037" s="54" t="s">
        <v>10032</v>
      </c>
      <c r="O1037" s="19">
        <v>1916</v>
      </c>
      <c r="P1037" s="19">
        <v>1</v>
      </c>
      <c r="Q1037" s="41"/>
      <c r="R1037" s="23">
        <v>45065</v>
      </c>
    </row>
    <row r="1038" spans="1:18" ht="14.25" customHeight="1" x14ac:dyDescent="0.2">
      <c r="A1038" s="42" t="s">
        <v>8618</v>
      </c>
      <c r="B1038" s="10" t="s">
        <v>1813</v>
      </c>
      <c r="C1038" s="40">
        <v>1</v>
      </c>
      <c r="D1038" s="17">
        <v>511</v>
      </c>
      <c r="E1038" s="17">
        <v>1503</v>
      </c>
      <c r="F1038" s="43" t="s">
        <v>1216</v>
      </c>
      <c r="G1038" s="26" t="s">
        <v>7274</v>
      </c>
      <c r="H1038" s="43" t="s">
        <v>1750</v>
      </c>
      <c r="I1038" s="43" t="s">
        <v>5391</v>
      </c>
      <c r="J1038" s="18"/>
      <c r="K1038" s="19"/>
      <c r="L1038" s="43" t="s">
        <v>2859</v>
      </c>
      <c r="M1038" s="17" t="s">
        <v>3882</v>
      </c>
      <c r="N1038" s="54" t="s">
        <v>5392</v>
      </c>
      <c r="O1038" s="19">
        <v>1947</v>
      </c>
      <c r="P1038" s="19">
        <v>1</v>
      </c>
      <c r="Q1038" s="41"/>
      <c r="R1038" s="23">
        <v>45065</v>
      </c>
    </row>
    <row r="1039" spans="1:18" ht="14.25" customHeight="1" x14ac:dyDescent="0.2">
      <c r="A1039" s="42" t="s">
        <v>8619</v>
      </c>
      <c r="B1039" s="10" t="s">
        <v>1813</v>
      </c>
      <c r="C1039" s="40">
        <v>1</v>
      </c>
      <c r="D1039" s="17">
        <v>511</v>
      </c>
      <c r="E1039" s="17">
        <v>1503</v>
      </c>
      <c r="F1039" s="43" t="s">
        <v>1217</v>
      </c>
      <c r="G1039" s="26" t="s">
        <v>7275</v>
      </c>
      <c r="H1039" s="43" t="s">
        <v>1218</v>
      </c>
      <c r="I1039" s="43" t="s">
        <v>5027</v>
      </c>
      <c r="J1039" s="18"/>
      <c r="K1039" s="19"/>
      <c r="L1039" s="43" t="s">
        <v>2860</v>
      </c>
      <c r="M1039" s="17" t="s">
        <v>3883</v>
      </c>
      <c r="N1039" s="54" t="s">
        <v>5393</v>
      </c>
      <c r="O1039" s="19">
        <v>1949</v>
      </c>
      <c r="P1039" s="19">
        <v>1</v>
      </c>
      <c r="Q1039" s="41"/>
      <c r="R1039" s="23">
        <v>45065</v>
      </c>
    </row>
    <row r="1040" spans="1:18" ht="14.25" customHeight="1" x14ac:dyDescent="0.2">
      <c r="A1040" s="42" t="s">
        <v>8620</v>
      </c>
      <c r="B1040" s="10" t="s">
        <v>1813</v>
      </c>
      <c r="C1040" s="40">
        <v>1</v>
      </c>
      <c r="D1040" s="17">
        <v>511</v>
      </c>
      <c r="E1040" s="17">
        <v>1503</v>
      </c>
      <c r="F1040" s="43" t="s">
        <v>1219</v>
      </c>
      <c r="G1040" s="26" t="s">
        <v>7276</v>
      </c>
      <c r="H1040" s="43" t="s">
        <v>1220</v>
      </c>
      <c r="I1040" s="43" t="s">
        <v>5028</v>
      </c>
      <c r="J1040" s="18"/>
      <c r="K1040" s="19"/>
      <c r="L1040" s="43" t="s">
        <v>2861</v>
      </c>
      <c r="M1040" s="17" t="s">
        <v>3884</v>
      </c>
      <c r="N1040" s="54" t="s">
        <v>10033</v>
      </c>
      <c r="O1040" s="19">
        <v>1941</v>
      </c>
      <c r="P1040" s="19">
        <v>1</v>
      </c>
      <c r="Q1040" s="41"/>
      <c r="R1040" s="23">
        <v>45065</v>
      </c>
    </row>
    <row r="1041" spans="1:21" ht="14.25" customHeight="1" x14ac:dyDescent="0.2">
      <c r="A1041" s="42" t="s">
        <v>8621</v>
      </c>
      <c r="B1041" s="10" t="s">
        <v>1813</v>
      </c>
      <c r="C1041" s="40">
        <v>1</v>
      </c>
      <c r="D1041" s="17">
        <v>511</v>
      </c>
      <c r="E1041" s="17">
        <v>1503</v>
      </c>
      <c r="F1041" s="43" t="s">
        <v>1221</v>
      </c>
      <c r="G1041" s="26" t="s">
        <v>7277</v>
      </c>
      <c r="H1041" s="43" t="s">
        <v>1222</v>
      </c>
      <c r="I1041" s="43" t="s">
        <v>5029</v>
      </c>
      <c r="J1041" s="18"/>
      <c r="K1041" s="19"/>
      <c r="L1041" s="43" t="s">
        <v>2862</v>
      </c>
      <c r="M1041" s="17" t="s">
        <v>3885</v>
      </c>
      <c r="N1041" s="54" t="s">
        <v>9149</v>
      </c>
      <c r="O1041" s="19">
        <v>1974</v>
      </c>
      <c r="P1041" s="19">
        <v>1</v>
      </c>
      <c r="Q1041" s="41"/>
      <c r="R1041" s="23">
        <v>45065</v>
      </c>
    </row>
    <row r="1042" spans="1:21" ht="14.25" customHeight="1" x14ac:dyDescent="0.2">
      <c r="A1042" s="42" t="s">
        <v>8622</v>
      </c>
      <c r="B1042" s="10" t="s">
        <v>1813</v>
      </c>
      <c r="C1042" s="16">
        <v>2</v>
      </c>
      <c r="D1042" s="16">
        <v>512</v>
      </c>
      <c r="E1042" s="16">
        <v>1504</v>
      </c>
      <c r="F1042" s="35" t="s">
        <v>1748</v>
      </c>
      <c r="G1042" s="32" t="s">
        <v>7278</v>
      </c>
      <c r="H1042" s="35" t="s">
        <v>1222</v>
      </c>
      <c r="I1042" s="35" t="s">
        <v>5030</v>
      </c>
      <c r="J1042" s="19"/>
      <c r="K1042" s="19"/>
      <c r="L1042" s="35" t="s">
        <v>2863</v>
      </c>
      <c r="M1042" s="35" t="s">
        <v>3886</v>
      </c>
      <c r="N1042" s="54" t="s">
        <v>10034</v>
      </c>
      <c r="O1042" s="19">
        <v>1947</v>
      </c>
      <c r="P1042" s="19">
        <v>1</v>
      </c>
      <c r="Q1042" s="46"/>
      <c r="R1042" s="23">
        <v>45065</v>
      </c>
    </row>
    <row r="1043" spans="1:21" ht="14.25" customHeight="1" x14ac:dyDescent="0.2">
      <c r="A1043" s="42" t="s">
        <v>8623</v>
      </c>
      <c r="B1043" s="10" t="s">
        <v>1813</v>
      </c>
      <c r="C1043" s="16">
        <v>2</v>
      </c>
      <c r="D1043" s="16">
        <v>512</v>
      </c>
      <c r="E1043" s="16">
        <v>1504</v>
      </c>
      <c r="F1043" s="35" t="s">
        <v>10035</v>
      </c>
      <c r="G1043" s="32" t="s">
        <v>7279</v>
      </c>
      <c r="H1043" s="35" t="s">
        <v>1218</v>
      </c>
      <c r="I1043" s="35" t="s">
        <v>5031</v>
      </c>
      <c r="J1043" s="19"/>
      <c r="K1043" s="19"/>
      <c r="L1043" s="35" t="s">
        <v>2864</v>
      </c>
      <c r="M1043" s="35" t="s">
        <v>3887</v>
      </c>
      <c r="N1043" s="54" t="s">
        <v>5394</v>
      </c>
      <c r="O1043" s="19">
        <v>1948</v>
      </c>
      <c r="P1043" s="19">
        <v>1</v>
      </c>
      <c r="Q1043" s="46"/>
      <c r="R1043" s="23">
        <v>45065</v>
      </c>
    </row>
    <row r="1044" spans="1:21" ht="14.25" customHeight="1" x14ac:dyDescent="0.2">
      <c r="A1044" s="42" t="s">
        <v>8624</v>
      </c>
      <c r="B1044" s="10" t="s">
        <v>1813</v>
      </c>
      <c r="C1044" s="16">
        <v>2</v>
      </c>
      <c r="D1044" s="16">
        <v>512</v>
      </c>
      <c r="E1044" s="16">
        <v>1504</v>
      </c>
      <c r="F1044" s="35" t="s">
        <v>1749</v>
      </c>
      <c r="G1044" s="32" t="s">
        <v>7280</v>
      </c>
      <c r="H1044" s="35" t="s">
        <v>1750</v>
      </c>
      <c r="I1044" s="35" t="s">
        <v>5032</v>
      </c>
      <c r="J1044" s="19"/>
      <c r="K1044" s="19"/>
      <c r="L1044" s="35" t="s">
        <v>2865</v>
      </c>
      <c r="M1044" s="35" t="s">
        <v>3888</v>
      </c>
      <c r="N1044" s="54" t="s">
        <v>5395</v>
      </c>
      <c r="O1044" s="19">
        <v>1989</v>
      </c>
      <c r="P1044" s="19">
        <v>1</v>
      </c>
      <c r="Q1044" s="46"/>
      <c r="R1044" s="23">
        <v>45065</v>
      </c>
    </row>
    <row r="1045" spans="1:21" ht="14.25" customHeight="1" x14ac:dyDescent="0.2">
      <c r="A1045" s="15" t="s">
        <v>9150</v>
      </c>
      <c r="B1045" s="10" t="s">
        <v>1814</v>
      </c>
      <c r="C1045" s="16">
        <v>1</v>
      </c>
      <c r="D1045" s="17">
        <v>511</v>
      </c>
      <c r="E1045" s="17">
        <v>1503</v>
      </c>
      <c r="F1045" s="25" t="s">
        <v>5396</v>
      </c>
      <c r="G1045" s="26" t="s">
        <v>7281</v>
      </c>
      <c r="H1045" s="25" t="s">
        <v>1223</v>
      </c>
      <c r="I1045" s="25" t="s">
        <v>5033</v>
      </c>
      <c r="J1045" s="18"/>
      <c r="K1045" s="19"/>
      <c r="L1045" s="25" t="s">
        <v>2866</v>
      </c>
      <c r="M1045" s="17" t="s">
        <v>3889</v>
      </c>
      <c r="N1045" s="20" t="s">
        <v>9151</v>
      </c>
      <c r="O1045" s="19">
        <v>1887</v>
      </c>
      <c r="P1045" s="19">
        <v>1</v>
      </c>
      <c r="Q1045" s="22"/>
      <c r="R1045" s="23">
        <v>43943</v>
      </c>
    </row>
    <row r="1046" spans="1:21" s="29" customFormat="1" ht="14.25" customHeight="1" x14ac:dyDescent="0.2">
      <c r="A1046" s="15" t="s">
        <v>9152</v>
      </c>
      <c r="B1046" s="10" t="s">
        <v>1814</v>
      </c>
      <c r="C1046" s="16">
        <v>1</v>
      </c>
      <c r="D1046" s="17">
        <v>511</v>
      </c>
      <c r="E1046" s="17">
        <v>1503</v>
      </c>
      <c r="F1046" s="25" t="s">
        <v>1224</v>
      </c>
      <c r="G1046" s="26" t="s">
        <v>7282</v>
      </c>
      <c r="H1046" s="25" t="s">
        <v>1225</v>
      </c>
      <c r="I1046" s="25" t="s">
        <v>5034</v>
      </c>
      <c r="J1046" s="18"/>
      <c r="K1046" s="19"/>
      <c r="L1046" s="25" t="s">
        <v>2867</v>
      </c>
      <c r="M1046" s="17" t="s">
        <v>3890</v>
      </c>
      <c r="N1046" s="20" t="s">
        <v>9153</v>
      </c>
      <c r="O1046" s="19">
        <v>1955</v>
      </c>
      <c r="P1046" s="19">
        <v>1</v>
      </c>
      <c r="Q1046" s="22"/>
      <c r="R1046" s="23">
        <v>43943</v>
      </c>
      <c r="U1046" s="9"/>
    </row>
    <row r="1047" spans="1:21" s="29" customFormat="1" ht="14.25" customHeight="1" x14ac:dyDescent="0.2">
      <c r="A1047" s="15" t="s">
        <v>8988</v>
      </c>
      <c r="B1047" s="10" t="s">
        <v>1814</v>
      </c>
      <c r="C1047" s="16">
        <v>1</v>
      </c>
      <c r="D1047" s="17">
        <v>511</v>
      </c>
      <c r="E1047" s="17">
        <v>1503</v>
      </c>
      <c r="F1047" s="25" t="s">
        <v>1226</v>
      </c>
      <c r="G1047" s="26" t="s">
        <v>7283</v>
      </c>
      <c r="H1047" s="25" t="s">
        <v>1227</v>
      </c>
      <c r="I1047" s="25" t="s">
        <v>5035</v>
      </c>
      <c r="J1047" s="18"/>
      <c r="K1047" s="19"/>
      <c r="L1047" s="25" t="s">
        <v>2868</v>
      </c>
      <c r="M1047" s="17" t="s">
        <v>3891</v>
      </c>
      <c r="N1047" s="20" t="s">
        <v>9154</v>
      </c>
      <c r="O1047" s="19">
        <v>1926</v>
      </c>
      <c r="P1047" s="19">
        <v>1</v>
      </c>
      <c r="Q1047" s="22"/>
      <c r="R1047" s="23">
        <v>43943</v>
      </c>
      <c r="U1047" s="9"/>
    </row>
    <row r="1048" spans="1:21" s="29" customFormat="1" ht="14.25" customHeight="1" x14ac:dyDescent="0.2">
      <c r="A1048" s="15" t="s">
        <v>8989</v>
      </c>
      <c r="B1048" s="10" t="s">
        <v>1814</v>
      </c>
      <c r="C1048" s="16">
        <v>1</v>
      </c>
      <c r="D1048" s="17">
        <v>511</v>
      </c>
      <c r="E1048" s="17">
        <v>1503</v>
      </c>
      <c r="F1048" s="25" t="s">
        <v>1228</v>
      </c>
      <c r="G1048" s="26" t="s">
        <v>7284</v>
      </c>
      <c r="H1048" s="25" t="s">
        <v>1229</v>
      </c>
      <c r="I1048" s="25" t="s">
        <v>5036</v>
      </c>
      <c r="J1048" s="18"/>
      <c r="K1048" s="19"/>
      <c r="L1048" s="25" t="s">
        <v>2869</v>
      </c>
      <c r="M1048" s="17" t="s">
        <v>3892</v>
      </c>
      <c r="N1048" s="20" t="s">
        <v>5397</v>
      </c>
      <c r="O1048" s="19">
        <v>1974</v>
      </c>
      <c r="P1048" s="19">
        <v>1</v>
      </c>
      <c r="Q1048" s="22"/>
      <c r="R1048" s="23">
        <v>43943</v>
      </c>
      <c r="U1048" s="9"/>
    </row>
    <row r="1049" spans="1:21" s="29" customFormat="1" ht="14.25" customHeight="1" x14ac:dyDescent="0.2">
      <c r="A1049" s="15" t="s">
        <v>8990</v>
      </c>
      <c r="B1049" s="10" t="s">
        <v>1814</v>
      </c>
      <c r="C1049" s="16">
        <v>1</v>
      </c>
      <c r="D1049" s="17">
        <v>511</v>
      </c>
      <c r="E1049" s="17">
        <v>1503</v>
      </c>
      <c r="F1049" s="25" t="s">
        <v>9155</v>
      </c>
      <c r="G1049" s="26" t="s">
        <v>7285</v>
      </c>
      <c r="H1049" s="25" t="s">
        <v>1230</v>
      </c>
      <c r="I1049" s="25" t="s">
        <v>5037</v>
      </c>
      <c r="J1049" s="18"/>
      <c r="K1049" s="19"/>
      <c r="L1049" s="25" t="s">
        <v>2870</v>
      </c>
      <c r="M1049" s="17" t="s">
        <v>3893</v>
      </c>
      <c r="N1049" s="20" t="s">
        <v>9156</v>
      </c>
      <c r="O1049" s="19">
        <v>1909</v>
      </c>
      <c r="P1049" s="19">
        <v>1</v>
      </c>
      <c r="Q1049" s="22" t="s">
        <v>9157</v>
      </c>
      <c r="R1049" s="23">
        <v>43943</v>
      </c>
      <c r="U1049" s="9"/>
    </row>
    <row r="1050" spans="1:21" s="29" customFormat="1" ht="14.25" customHeight="1" x14ac:dyDescent="0.2">
      <c r="A1050" s="15" t="s">
        <v>8991</v>
      </c>
      <c r="B1050" s="10" t="s">
        <v>1814</v>
      </c>
      <c r="C1050" s="16">
        <v>1</v>
      </c>
      <c r="D1050" s="17">
        <v>511</v>
      </c>
      <c r="E1050" s="17">
        <v>1503</v>
      </c>
      <c r="F1050" s="25" t="s">
        <v>1231</v>
      </c>
      <c r="G1050" s="26" t="s">
        <v>7286</v>
      </c>
      <c r="H1050" s="25" t="s">
        <v>1232</v>
      </c>
      <c r="I1050" s="25" t="s">
        <v>5038</v>
      </c>
      <c r="J1050" s="18"/>
      <c r="K1050" s="19"/>
      <c r="L1050" s="25" t="s">
        <v>2871</v>
      </c>
      <c r="M1050" s="17" t="s">
        <v>3894</v>
      </c>
      <c r="N1050" s="20" t="s">
        <v>5398</v>
      </c>
      <c r="O1050" s="19">
        <v>1889</v>
      </c>
      <c r="P1050" s="19">
        <v>1</v>
      </c>
      <c r="Q1050" s="22"/>
      <c r="R1050" s="23">
        <v>43943</v>
      </c>
      <c r="U1050" s="9"/>
    </row>
    <row r="1051" spans="1:21" s="29" customFormat="1" ht="14.25" customHeight="1" x14ac:dyDescent="0.2">
      <c r="A1051" s="15" t="s">
        <v>9158</v>
      </c>
      <c r="B1051" s="10" t="s">
        <v>1814</v>
      </c>
      <c r="C1051" s="16">
        <v>1</v>
      </c>
      <c r="D1051" s="17">
        <v>511</v>
      </c>
      <c r="E1051" s="17">
        <v>1503</v>
      </c>
      <c r="F1051" s="25" t="s">
        <v>1233</v>
      </c>
      <c r="G1051" s="26" t="s">
        <v>7287</v>
      </c>
      <c r="H1051" s="25" t="s">
        <v>1234</v>
      </c>
      <c r="I1051" s="25" t="s">
        <v>5039</v>
      </c>
      <c r="J1051" s="18"/>
      <c r="K1051" s="19"/>
      <c r="L1051" s="25" t="s">
        <v>2872</v>
      </c>
      <c r="M1051" s="17" t="s">
        <v>3895</v>
      </c>
      <c r="N1051" s="20" t="s">
        <v>5399</v>
      </c>
      <c r="O1051" s="19">
        <v>1967</v>
      </c>
      <c r="P1051" s="19">
        <v>1</v>
      </c>
      <c r="Q1051" s="22"/>
      <c r="R1051" s="23">
        <v>43943</v>
      </c>
      <c r="U1051" s="9"/>
    </row>
    <row r="1052" spans="1:21" s="14" customFormat="1" ht="14.25" customHeight="1" x14ac:dyDescent="0.2">
      <c r="A1052" s="15" t="s">
        <v>8992</v>
      </c>
      <c r="B1052" s="10" t="s">
        <v>1814</v>
      </c>
      <c r="C1052" s="16">
        <v>1</v>
      </c>
      <c r="D1052" s="17">
        <v>511</v>
      </c>
      <c r="E1052" s="17">
        <v>1503</v>
      </c>
      <c r="F1052" s="25" t="s">
        <v>5400</v>
      </c>
      <c r="G1052" s="26" t="s">
        <v>7288</v>
      </c>
      <c r="H1052" s="25" t="s">
        <v>1229</v>
      </c>
      <c r="I1052" s="25" t="s">
        <v>5040</v>
      </c>
      <c r="J1052" s="18"/>
      <c r="K1052" s="19"/>
      <c r="L1052" s="25" t="s">
        <v>2873</v>
      </c>
      <c r="M1052" s="17" t="s">
        <v>3896</v>
      </c>
      <c r="N1052" s="20" t="s">
        <v>5401</v>
      </c>
      <c r="O1052" s="19">
        <v>1983</v>
      </c>
      <c r="P1052" s="19">
        <v>1</v>
      </c>
      <c r="Q1052" s="22"/>
      <c r="R1052" s="23">
        <v>43943</v>
      </c>
    </row>
    <row r="1053" spans="1:21" s="14" customFormat="1" ht="14.25" customHeight="1" x14ac:dyDescent="0.2">
      <c r="A1053" s="15" t="s">
        <v>8993</v>
      </c>
      <c r="B1053" s="10" t="s">
        <v>1814</v>
      </c>
      <c r="C1053" s="16">
        <v>2</v>
      </c>
      <c r="D1053" s="16">
        <v>512</v>
      </c>
      <c r="E1053" s="16">
        <v>1504</v>
      </c>
      <c r="F1053" s="31" t="s">
        <v>1751</v>
      </c>
      <c r="G1053" s="32" t="s">
        <v>7289</v>
      </c>
      <c r="H1053" s="31" t="s">
        <v>1752</v>
      </c>
      <c r="I1053" s="31" t="s">
        <v>5041</v>
      </c>
      <c r="J1053" s="19"/>
      <c r="K1053" s="19"/>
      <c r="L1053" s="31" t="s">
        <v>2874</v>
      </c>
      <c r="M1053" s="31" t="s">
        <v>3897</v>
      </c>
      <c r="N1053" s="20" t="s">
        <v>5402</v>
      </c>
      <c r="O1053" s="19">
        <v>2012</v>
      </c>
      <c r="P1053" s="19">
        <v>1</v>
      </c>
      <c r="Q1053" s="22"/>
      <c r="R1053" s="23">
        <v>43943</v>
      </c>
    </row>
    <row r="1054" spans="1:21" s="14" customFormat="1" ht="14.25" customHeight="1" x14ac:dyDescent="0.2">
      <c r="A1054" s="15" t="s">
        <v>8994</v>
      </c>
      <c r="B1054" s="10" t="s">
        <v>1814</v>
      </c>
      <c r="C1054" s="16">
        <v>2</v>
      </c>
      <c r="D1054" s="16">
        <v>512</v>
      </c>
      <c r="E1054" s="16">
        <v>1504</v>
      </c>
      <c r="F1054" s="31" t="s">
        <v>1753</v>
      </c>
      <c r="G1054" s="32" t="s">
        <v>7290</v>
      </c>
      <c r="H1054" s="31" t="s">
        <v>1754</v>
      </c>
      <c r="I1054" s="31" t="s">
        <v>5042</v>
      </c>
      <c r="J1054" s="19"/>
      <c r="K1054" s="19"/>
      <c r="L1054" s="31" t="s">
        <v>2875</v>
      </c>
      <c r="M1054" s="31" t="s">
        <v>3898</v>
      </c>
      <c r="N1054" s="20" t="s">
        <v>5403</v>
      </c>
      <c r="O1054" s="19">
        <v>1947</v>
      </c>
      <c r="P1054" s="19">
        <v>1</v>
      </c>
      <c r="Q1054" s="22"/>
      <c r="R1054" s="23">
        <v>43943</v>
      </c>
    </row>
    <row r="1055" spans="1:21" s="14" customFormat="1" ht="14.25" customHeight="1" x14ac:dyDescent="0.2">
      <c r="A1055" s="15" t="s">
        <v>8995</v>
      </c>
      <c r="B1055" s="10" t="s">
        <v>1814</v>
      </c>
      <c r="C1055" s="16">
        <v>2</v>
      </c>
      <c r="D1055" s="16">
        <v>512</v>
      </c>
      <c r="E1055" s="16">
        <v>1504</v>
      </c>
      <c r="F1055" s="31" t="s">
        <v>1755</v>
      </c>
      <c r="G1055" s="32" t="s">
        <v>7291</v>
      </c>
      <c r="H1055" s="31" t="s">
        <v>1232</v>
      </c>
      <c r="I1055" s="31" t="s">
        <v>5043</v>
      </c>
      <c r="J1055" s="19"/>
      <c r="K1055" s="19"/>
      <c r="L1055" s="31" t="s">
        <v>2876</v>
      </c>
      <c r="M1055" s="31" t="s">
        <v>3899</v>
      </c>
      <c r="N1055" s="20" t="s">
        <v>9159</v>
      </c>
      <c r="O1055" s="19">
        <v>1947</v>
      </c>
      <c r="P1055" s="19">
        <v>1</v>
      </c>
      <c r="Q1055" s="22"/>
      <c r="R1055" s="23">
        <v>43943</v>
      </c>
    </row>
    <row r="1056" spans="1:21" s="14" customFormat="1" ht="14.25" customHeight="1" x14ac:dyDescent="0.2">
      <c r="A1056" s="15" t="s">
        <v>9160</v>
      </c>
      <c r="B1056" s="10" t="s">
        <v>5404</v>
      </c>
      <c r="C1056" s="16">
        <v>1</v>
      </c>
      <c r="D1056" s="16">
        <v>511</v>
      </c>
      <c r="E1056" s="16">
        <v>1503</v>
      </c>
      <c r="F1056" s="16" t="s">
        <v>1235</v>
      </c>
      <c r="G1056" s="16" t="s">
        <v>5405</v>
      </c>
      <c r="H1056" s="16" t="s">
        <v>1236</v>
      </c>
      <c r="I1056" s="16" t="s">
        <v>5044</v>
      </c>
      <c r="J1056" s="19">
        <v>35.373764000000001</v>
      </c>
      <c r="K1056" s="19">
        <v>139.22371899999999</v>
      </c>
      <c r="L1056" s="16" t="s">
        <v>2877</v>
      </c>
      <c r="M1056" s="16" t="s">
        <v>3900</v>
      </c>
      <c r="N1056" s="16" t="s">
        <v>5406</v>
      </c>
      <c r="O1056" s="19">
        <v>1869</v>
      </c>
      <c r="P1056" s="19">
        <v>1</v>
      </c>
      <c r="Q1056" s="22"/>
      <c r="R1056" s="23">
        <v>44701</v>
      </c>
    </row>
    <row r="1057" spans="1:18" s="14" customFormat="1" ht="14.25" customHeight="1" x14ac:dyDescent="0.2">
      <c r="A1057" s="15" t="s">
        <v>9161</v>
      </c>
      <c r="B1057" s="10" t="s">
        <v>5404</v>
      </c>
      <c r="C1057" s="16">
        <v>1</v>
      </c>
      <c r="D1057" s="16">
        <v>511</v>
      </c>
      <c r="E1057" s="16">
        <v>1503</v>
      </c>
      <c r="F1057" s="16" t="s">
        <v>1237</v>
      </c>
      <c r="G1057" s="16" t="s">
        <v>5407</v>
      </c>
      <c r="H1057" s="16" t="s">
        <v>1238</v>
      </c>
      <c r="I1057" s="16" t="s">
        <v>5045</v>
      </c>
      <c r="J1057" s="19">
        <v>35.366739000000003</v>
      </c>
      <c r="K1057" s="19">
        <v>139.217206</v>
      </c>
      <c r="L1057" s="16" t="s">
        <v>2878</v>
      </c>
      <c r="M1057" s="16" t="s">
        <v>3901</v>
      </c>
      <c r="N1057" s="16" t="s">
        <v>5408</v>
      </c>
      <c r="O1057" s="19">
        <v>1892</v>
      </c>
      <c r="P1057" s="19">
        <v>1</v>
      </c>
      <c r="Q1057" s="22"/>
      <c r="R1057" s="23">
        <v>44701</v>
      </c>
    </row>
    <row r="1058" spans="1:18" s="14" customFormat="1" ht="14.25" customHeight="1" x14ac:dyDescent="0.2">
      <c r="A1058" s="15" t="s">
        <v>8996</v>
      </c>
      <c r="B1058" s="10" t="s">
        <v>5404</v>
      </c>
      <c r="C1058" s="16">
        <v>1</v>
      </c>
      <c r="D1058" s="16">
        <v>511</v>
      </c>
      <c r="E1058" s="16">
        <v>1503</v>
      </c>
      <c r="F1058" s="16" t="s">
        <v>1239</v>
      </c>
      <c r="G1058" s="16" t="s">
        <v>5409</v>
      </c>
      <c r="H1058" s="16" t="s">
        <v>1240</v>
      </c>
      <c r="I1058" s="16" t="s">
        <v>5046</v>
      </c>
      <c r="J1058" s="19">
        <v>35.394962999999997</v>
      </c>
      <c r="K1058" s="19">
        <v>139.23425499999999</v>
      </c>
      <c r="L1058" s="16" t="s">
        <v>2879</v>
      </c>
      <c r="M1058" s="16" t="s">
        <v>3902</v>
      </c>
      <c r="N1058" s="16" t="s">
        <v>5410</v>
      </c>
      <c r="O1058" s="19">
        <v>1873</v>
      </c>
      <c r="P1058" s="19">
        <v>1</v>
      </c>
      <c r="Q1058" s="22"/>
      <c r="R1058" s="23">
        <v>44701</v>
      </c>
    </row>
    <row r="1059" spans="1:18" s="14" customFormat="1" ht="14.25" customHeight="1" x14ac:dyDescent="0.2">
      <c r="A1059" s="15" t="s">
        <v>8997</v>
      </c>
      <c r="B1059" s="10" t="s">
        <v>5404</v>
      </c>
      <c r="C1059" s="16">
        <v>1</v>
      </c>
      <c r="D1059" s="16">
        <v>511</v>
      </c>
      <c r="E1059" s="16">
        <v>1503</v>
      </c>
      <c r="F1059" s="16" t="s">
        <v>1241</v>
      </c>
      <c r="G1059" s="16" t="s">
        <v>5411</v>
      </c>
      <c r="H1059" s="16" t="s">
        <v>1242</v>
      </c>
      <c r="I1059" s="16" t="s">
        <v>5412</v>
      </c>
      <c r="J1059" s="19">
        <v>35.399755999999996</v>
      </c>
      <c r="K1059" s="19">
        <v>139.188818</v>
      </c>
      <c r="L1059" s="16" t="s">
        <v>2880</v>
      </c>
      <c r="M1059" s="16" t="s">
        <v>3903</v>
      </c>
      <c r="N1059" s="16" t="s">
        <v>5413</v>
      </c>
      <c r="O1059" s="19">
        <v>1873</v>
      </c>
      <c r="P1059" s="19">
        <v>1</v>
      </c>
      <c r="Q1059" s="22"/>
      <c r="R1059" s="23">
        <v>44701</v>
      </c>
    </row>
    <row r="1060" spans="1:18" ht="14.25" customHeight="1" x14ac:dyDescent="0.2">
      <c r="A1060" s="15" t="s">
        <v>9162</v>
      </c>
      <c r="B1060" s="10" t="s">
        <v>5404</v>
      </c>
      <c r="C1060" s="16">
        <v>1</v>
      </c>
      <c r="D1060" s="16">
        <v>511</v>
      </c>
      <c r="E1060" s="16">
        <v>1503</v>
      </c>
      <c r="F1060" s="16" t="s">
        <v>1243</v>
      </c>
      <c r="G1060" s="16" t="s">
        <v>5414</v>
      </c>
      <c r="H1060" s="16" t="s">
        <v>1244</v>
      </c>
      <c r="I1060" s="16" t="s">
        <v>5047</v>
      </c>
      <c r="J1060" s="19">
        <v>35.367006000000003</v>
      </c>
      <c r="K1060" s="19">
        <v>139.26877500000001</v>
      </c>
      <c r="L1060" s="16" t="s">
        <v>2881</v>
      </c>
      <c r="M1060" s="16" t="s">
        <v>3904</v>
      </c>
      <c r="N1060" s="16" t="s">
        <v>5415</v>
      </c>
      <c r="O1060" s="19">
        <v>1873</v>
      </c>
      <c r="P1060" s="19">
        <v>1</v>
      </c>
      <c r="Q1060" s="22"/>
      <c r="R1060" s="23">
        <v>44701</v>
      </c>
    </row>
    <row r="1061" spans="1:18" ht="14.25" customHeight="1" x14ac:dyDescent="0.2">
      <c r="A1061" s="15" t="s">
        <v>9163</v>
      </c>
      <c r="B1061" s="10" t="s">
        <v>5404</v>
      </c>
      <c r="C1061" s="16">
        <v>1</v>
      </c>
      <c r="D1061" s="16">
        <v>511</v>
      </c>
      <c r="E1061" s="16">
        <v>1503</v>
      </c>
      <c r="F1061" s="16" t="s">
        <v>1245</v>
      </c>
      <c r="G1061" s="16" t="s">
        <v>5416</v>
      </c>
      <c r="H1061" s="16" t="s">
        <v>1246</v>
      </c>
      <c r="I1061" s="16" t="s">
        <v>5048</v>
      </c>
      <c r="J1061" s="19">
        <v>35.380741</v>
      </c>
      <c r="K1061" s="19">
        <v>139.178438</v>
      </c>
      <c r="L1061" s="16" t="s">
        <v>2882</v>
      </c>
      <c r="M1061" s="16" t="s">
        <v>3905</v>
      </c>
      <c r="N1061" s="16" t="s">
        <v>5417</v>
      </c>
      <c r="O1061" s="19">
        <v>1872</v>
      </c>
      <c r="P1061" s="19">
        <v>1</v>
      </c>
      <c r="Q1061" s="22"/>
      <c r="R1061" s="23">
        <v>44701</v>
      </c>
    </row>
    <row r="1062" spans="1:18" ht="14.25" customHeight="1" x14ac:dyDescent="0.2">
      <c r="A1062" s="15" t="s">
        <v>9164</v>
      </c>
      <c r="B1062" s="10" t="s">
        <v>5404</v>
      </c>
      <c r="C1062" s="16">
        <v>1</v>
      </c>
      <c r="D1062" s="16">
        <v>511</v>
      </c>
      <c r="E1062" s="16">
        <v>1503</v>
      </c>
      <c r="F1062" s="16" t="s">
        <v>1247</v>
      </c>
      <c r="G1062" s="16" t="s">
        <v>5418</v>
      </c>
      <c r="H1062" s="16" t="s">
        <v>1248</v>
      </c>
      <c r="I1062" s="16" t="s">
        <v>5049</v>
      </c>
      <c r="J1062" s="19">
        <v>35.383715000000002</v>
      </c>
      <c r="K1062" s="19">
        <v>139.16517200000001</v>
      </c>
      <c r="L1062" s="16" t="s">
        <v>2883</v>
      </c>
      <c r="M1062" s="16" t="s">
        <v>3906</v>
      </c>
      <c r="N1062" s="16" t="s">
        <v>5419</v>
      </c>
      <c r="O1062" s="19">
        <v>1873</v>
      </c>
      <c r="P1062" s="19">
        <v>1</v>
      </c>
      <c r="Q1062" s="22"/>
      <c r="R1062" s="23">
        <v>44701</v>
      </c>
    </row>
    <row r="1063" spans="1:18" ht="14.25" customHeight="1" x14ac:dyDescent="0.2">
      <c r="A1063" s="15" t="s">
        <v>9165</v>
      </c>
      <c r="B1063" s="10" t="s">
        <v>5404</v>
      </c>
      <c r="C1063" s="16">
        <v>1</v>
      </c>
      <c r="D1063" s="16">
        <v>511</v>
      </c>
      <c r="E1063" s="16">
        <v>1503</v>
      </c>
      <c r="F1063" s="16" t="s">
        <v>1249</v>
      </c>
      <c r="G1063" s="16" t="s">
        <v>5420</v>
      </c>
      <c r="H1063" s="16" t="s">
        <v>1250</v>
      </c>
      <c r="I1063" s="16" t="s">
        <v>5050</v>
      </c>
      <c r="J1063" s="19">
        <v>35.360886000000001</v>
      </c>
      <c r="K1063" s="19">
        <v>139.26133400000001</v>
      </c>
      <c r="L1063" s="16" t="s">
        <v>2884</v>
      </c>
      <c r="M1063" s="16" t="s">
        <v>3907</v>
      </c>
      <c r="N1063" s="16" t="s">
        <v>5421</v>
      </c>
      <c r="O1063" s="19">
        <v>1975</v>
      </c>
      <c r="P1063" s="19">
        <v>1</v>
      </c>
      <c r="Q1063" s="22"/>
      <c r="R1063" s="23">
        <v>44701</v>
      </c>
    </row>
    <row r="1064" spans="1:18" ht="14.25" customHeight="1" x14ac:dyDescent="0.2">
      <c r="A1064" s="15" t="s">
        <v>8998</v>
      </c>
      <c r="B1064" s="10" t="s">
        <v>5404</v>
      </c>
      <c r="C1064" s="16">
        <v>1</v>
      </c>
      <c r="D1064" s="16">
        <v>511</v>
      </c>
      <c r="E1064" s="16">
        <v>1503</v>
      </c>
      <c r="F1064" s="16" t="s">
        <v>1251</v>
      </c>
      <c r="G1064" s="16" t="s">
        <v>5422</v>
      </c>
      <c r="H1064" s="16" t="s">
        <v>1252</v>
      </c>
      <c r="I1064" s="16" t="s">
        <v>5051</v>
      </c>
      <c r="J1064" s="19">
        <v>35.368988000000002</v>
      </c>
      <c r="K1064" s="19">
        <v>139.178427</v>
      </c>
      <c r="L1064" s="16" t="s">
        <v>2885</v>
      </c>
      <c r="M1064" s="16" t="s">
        <v>3908</v>
      </c>
      <c r="N1064" s="16" t="s">
        <v>5423</v>
      </c>
      <c r="O1064" s="19">
        <v>1974</v>
      </c>
      <c r="P1064" s="19">
        <v>1</v>
      </c>
      <c r="Q1064" s="22"/>
      <c r="R1064" s="23">
        <v>44701</v>
      </c>
    </row>
    <row r="1065" spans="1:18" ht="14.25" customHeight="1" x14ac:dyDescent="0.2">
      <c r="A1065" s="15" t="s">
        <v>9166</v>
      </c>
      <c r="B1065" s="10" t="s">
        <v>5404</v>
      </c>
      <c r="C1065" s="16">
        <v>1</v>
      </c>
      <c r="D1065" s="16">
        <v>511</v>
      </c>
      <c r="E1065" s="16">
        <v>1503</v>
      </c>
      <c r="F1065" s="16" t="s">
        <v>1253</v>
      </c>
      <c r="G1065" s="16" t="s">
        <v>5424</v>
      </c>
      <c r="H1065" s="16" t="s">
        <v>1254</v>
      </c>
      <c r="I1065" s="16" t="s">
        <v>5052</v>
      </c>
      <c r="J1065" s="19">
        <v>35.376516000000002</v>
      </c>
      <c r="K1065" s="19">
        <v>139.232876</v>
      </c>
      <c r="L1065" s="16" t="s">
        <v>2886</v>
      </c>
      <c r="M1065" s="16" t="s">
        <v>3909</v>
      </c>
      <c r="N1065" s="16" t="s">
        <v>5425</v>
      </c>
      <c r="O1065" s="19">
        <v>1977</v>
      </c>
      <c r="P1065" s="19">
        <v>1</v>
      </c>
      <c r="Q1065" s="22"/>
      <c r="R1065" s="23">
        <v>44701</v>
      </c>
    </row>
    <row r="1066" spans="1:18" ht="14.25" customHeight="1" x14ac:dyDescent="0.2">
      <c r="A1066" s="15" t="s">
        <v>9167</v>
      </c>
      <c r="B1066" s="10" t="s">
        <v>5404</v>
      </c>
      <c r="C1066" s="16">
        <v>1</v>
      </c>
      <c r="D1066" s="16">
        <v>511</v>
      </c>
      <c r="E1066" s="16">
        <v>1503</v>
      </c>
      <c r="F1066" s="16" t="s">
        <v>1255</v>
      </c>
      <c r="G1066" s="16" t="s">
        <v>5426</v>
      </c>
      <c r="H1066" s="16" t="s">
        <v>1256</v>
      </c>
      <c r="I1066" s="16" t="s">
        <v>5053</v>
      </c>
      <c r="J1066" s="19">
        <v>35.356043</v>
      </c>
      <c r="K1066" s="19">
        <v>139.22812300000001</v>
      </c>
      <c r="L1066" s="16" t="s">
        <v>2887</v>
      </c>
      <c r="M1066" s="16" t="s">
        <v>3910</v>
      </c>
      <c r="N1066" s="16" t="s">
        <v>5427</v>
      </c>
      <c r="O1066" s="19">
        <v>1982</v>
      </c>
      <c r="P1066" s="19">
        <v>1</v>
      </c>
      <c r="Q1066" s="22"/>
      <c r="R1066" s="23">
        <v>44701</v>
      </c>
    </row>
    <row r="1067" spans="1:18" ht="14.25" customHeight="1" x14ac:dyDescent="0.2">
      <c r="A1067" s="15" t="s">
        <v>9168</v>
      </c>
      <c r="B1067" s="10" t="s">
        <v>5404</v>
      </c>
      <c r="C1067" s="16">
        <v>1</v>
      </c>
      <c r="D1067" s="16">
        <v>511</v>
      </c>
      <c r="E1067" s="16">
        <v>1503</v>
      </c>
      <c r="F1067" s="16" t="s">
        <v>1257</v>
      </c>
      <c r="G1067" s="16" t="s">
        <v>5428</v>
      </c>
      <c r="H1067" s="16" t="s">
        <v>1258</v>
      </c>
      <c r="I1067" s="16" t="s">
        <v>5054</v>
      </c>
      <c r="J1067" s="19">
        <v>35.380657999999997</v>
      </c>
      <c r="K1067" s="19">
        <v>139.186409</v>
      </c>
      <c r="L1067" s="16" t="s">
        <v>2888</v>
      </c>
      <c r="M1067" s="16" t="s">
        <v>3911</v>
      </c>
      <c r="N1067" s="16" t="s">
        <v>5429</v>
      </c>
      <c r="O1067" s="19">
        <v>1982</v>
      </c>
      <c r="P1067" s="19">
        <v>1</v>
      </c>
      <c r="Q1067" s="22"/>
      <c r="R1067" s="23">
        <v>44701</v>
      </c>
    </row>
    <row r="1068" spans="1:18" ht="14.25" customHeight="1" x14ac:dyDescent="0.2">
      <c r="A1068" s="15" t="s">
        <v>9169</v>
      </c>
      <c r="B1068" s="10" t="s">
        <v>5404</v>
      </c>
      <c r="C1068" s="16">
        <v>1</v>
      </c>
      <c r="D1068" s="16">
        <v>511</v>
      </c>
      <c r="E1068" s="16">
        <v>1503</v>
      </c>
      <c r="F1068" s="16" t="s">
        <v>1259</v>
      </c>
      <c r="G1068" s="16" t="s">
        <v>5430</v>
      </c>
      <c r="H1068" s="16" t="s">
        <v>1260</v>
      </c>
      <c r="I1068" s="16" t="s">
        <v>5055</v>
      </c>
      <c r="J1068" s="19">
        <v>35.377612999999997</v>
      </c>
      <c r="K1068" s="19">
        <v>139.271221</v>
      </c>
      <c r="L1068" s="16" t="s">
        <v>2889</v>
      </c>
      <c r="M1068" s="16" t="s">
        <v>3912</v>
      </c>
      <c r="N1068" s="16" t="s">
        <v>5431</v>
      </c>
      <c r="O1068" s="19">
        <v>1983</v>
      </c>
      <c r="P1068" s="19">
        <v>1</v>
      </c>
      <c r="Q1068" s="22"/>
      <c r="R1068" s="23">
        <v>44701</v>
      </c>
    </row>
    <row r="1069" spans="1:18" ht="14.25" customHeight="1" x14ac:dyDescent="0.2">
      <c r="A1069" s="15" t="s">
        <v>8999</v>
      </c>
      <c r="B1069" s="10" t="s">
        <v>5404</v>
      </c>
      <c r="C1069" s="16">
        <v>2</v>
      </c>
      <c r="D1069" s="16">
        <v>512</v>
      </c>
      <c r="E1069" s="16">
        <v>1504</v>
      </c>
      <c r="F1069" s="16" t="s">
        <v>5432</v>
      </c>
      <c r="G1069" s="16" t="s">
        <v>5433</v>
      </c>
      <c r="H1069" s="16" t="s">
        <v>1756</v>
      </c>
      <c r="I1069" s="16" t="s">
        <v>5056</v>
      </c>
      <c r="J1069" s="19">
        <v>35.376437000000003</v>
      </c>
      <c r="K1069" s="19">
        <v>139.21498600000001</v>
      </c>
      <c r="L1069" s="16" t="s">
        <v>2890</v>
      </c>
      <c r="M1069" s="16" t="s">
        <v>3913</v>
      </c>
      <c r="N1069" s="16" t="s">
        <v>5434</v>
      </c>
      <c r="O1069" s="19">
        <v>1947</v>
      </c>
      <c r="P1069" s="19">
        <v>1</v>
      </c>
      <c r="Q1069" s="22"/>
      <c r="R1069" s="23">
        <v>44701</v>
      </c>
    </row>
    <row r="1070" spans="1:18" s="29" customFormat="1" ht="14.25" customHeight="1" x14ac:dyDescent="0.2">
      <c r="A1070" s="15" t="s">
        <v>9170</v>
      </c>
      <c r="B1070" s="10" t="s">
        <v>5404</v>
      </c>
      <c r="C1070" s="16">
        <v>2</v>
      </c>
      <c r="D1070" s="16">
        <v>512</v>
      </c>
      <c r="E1070" s="16">
        <v>1504</v>
      </c>
      <c r="F1070" s="16" t="s">
        <v>5435</v>
      </c>
      <c r="G1070" s="16" t="s">
        <v>5436</v>
      </c>
      <c r="H1070" s="16" t="s">
        <v>1757</v>
      </c>
      <c r="I1070" s="16" t="s">
        <v>5057</v>
      </c>
      <c r="J1070" s="19">
        <v>35.374752999999998</v>
      </c>
      <c r="K1070" s="19">
        <v>139.21007700000001</v>
      </c>
      <c r="L1070" s="16" t="s">
        <v>2891</v>
      </c>
      <c r="M1070" s="16" t="s">
        <v>3914</v>
      </c>
      <c r="N1070" s="16" t="s">
        <v>5437</v>
      </c>
      <c r="O1070" s="19">
        <v>1947</v>
      </c>
      <c r="P1070" s="19">
        <v>1</v>
      </c>
      <c r="Q1070" s="22"/>
      <c r="R1070" s="23">
        <v>44701</v>
      </c>
    </row>
    <row r="1071" spans="1:18" s="29" customFormat="1" ht="14.25" customHeight="1" x14ac:dyDescent="0.2">
      <c r="A1071" s="15" t="s">
        <v>9171</v>
      </c>
      <c r="B1071" s="10" t="s">
        <v>5404</v>
      </c>
      <c r="C1071" s="16">
        <v>2</v>
      </c>
      <c r="D1071" s="16">
        <v>512</v>
      </c>
      <c r="E1071" s="16">
        <v>1504</v>
      </c>
      <c r="F1071" s="16" t="s">
        <v>5438</v>
      </c>
      <c r="G1071" s="16" t="s">
        <v>5439</v>
      </c>
      <c r="H1071" s="16" t="s">
        <v>1240</v>
      </c>
      <c r="I1071" s="16" t="s">
        <v>5058</v>
      </c>
      <c r="J1071" s="19">
        <v>35.396659999999997</v>
      </c>
      <c r="K1071" s="19">
        <v>139.235108</v>
      </c>
      <c r="L1071" s="16" t="s">
        <v>2892</v>
      </c>
      <c r="M1071" s="16" t="s">
        <v>3915</v>
      </c>
      <c r="N1071" s="16" t="s">
        <v>5440</v>
      </c>
      <c r="O1071" s="19">
        <v>1947</v>
      </c>
      <c r="P1071" s="19">
        <v>1</v>
      </c>
      <c r="Q1071" s="22"/>
      <c r="R1071" s="23">
        <v>44701</v>
      </c>
    </row>
    <row r="1072" spans="1:18" s="29" customFormat="1" ht="14.25" customHeight="1" x14ac:dyDescent="0.2">
      <c r="A1072" s="15" t="s">
        <v>9172</v>
      </c>
      <c r="B1072" s="10" t="s">
        <v>5404</v>
      </c>
      <c r="C1072" s="16">
        <v>2</v>
      </c>
      <c r="D1072" s="16">
        <v>512</v>
      </c>
      <c r="E1072" s="16">
        <v>1504</v>
      </c>
      <c r="F1072" s="16" t="s">
        <v>5441</v>
      </c>
      <c r="G1072" s="16" t="s">
        <v>5442</v>
      </c>
      <c r="H1072" s="16" t="s">
        <v>1758</v>
      </c>
      <c r="I1072" s="16" t="s">
        <v>5059</v>
      </c>
      <c r="J1072" s="19">
        <v>35.398693000000002</v>
      </c>
      <c r="K1072" s="19">
        <v>139.18864099999999</v>
      </c>
      <c r="L1072" s="16" t="s">
        <v>2893</v>
      </c>
      <c r="M1072" s="16" t="s">
        <v>3916</v>
      </c>
      <c r="N1072" s="16" t="s">
        <v>5443</v>
      </c>
      <c r="O1072" s="19">
        <v>1947</v>
      </c>
      <c r="P1072" s="19">
        <v>1</v>
      </c>
      <c r="Q1072" s="22"/>
      <c r="R1072" s="23">
        <v>44701</v>
      </c>
    </row>
    <row r="1073" spans="1:18" s="29" customFormat="1" ht="14.25" customHeight="1" x14ac:dyDescent="0.2">
      <c r="A1073" s="15" t="s">
        <v>9173</v>
      </c>
      <c r="B1073" s="10" t="s">
        <v>5404</v>
      </c>
      <c r="C1073" s="16">
        <v>2</v>
      </c>
      <c r="D1073" s="16">
        <v>512</v>
      </c>
      <c r="E1073" s="16">
        <v>1504</v>
      </c>
      <c r="F1073" s="16" t="s">
        <v>5444</v>
      </c>
      <c r="G1073" s="16" t="s">
        <v>5445</v>
      </c>
      <c r="H1073" s="16" t="s">
        <v>1244</v>
      </c>
      <c r="I1073" s="16" t="s">
        <v>5060</v>
      </c>
      <c r="J1073" s="19">
        <v>35.368304999999999</v>
      </c>
      <c r="K1073" s="19">
        <v>139.26870500000001</v>
      </c>
      <c r="L1073" s="16" t="s">
        <v>2894</v>
      </c>
      <c r="M1073" s="16" t="s">
        <v>3917</v>
      </c>
      <c r="N1073" s="16" t="s">
        <v>5446</v>
      </c>
      <c r="O1073" s="19">
        <v>1947</v>
      </c>
      <c r="P1073" s="19">
        <v>1</v>
      </c>
      <c r="Q1073" s="22"/>
      <c r="R1073" s="23">
        <v>44701</v>
      </c>
    </row>
    <row r="1074" spans="1:18" s="29" customFormat="1" ht="14.25" customHeight="1" x14ac:dyDescent="0.2">
      <c r="A1074" s="15" t="s">
        <v>9174</v>
      </c>
      <c r="B1074" s="10" t="s">
        <v>5404</v>
      </c>
      <c r="C1074" s="16">
        <v>2</v>
      </c>
      <c r="D1074" s="16">
        <v>512</v>
      </c>
      <c r="E1074" s="16">
        <v>1504</v>
      </c>
      <c r="F1074" s="16" t="s">
        <v>5447</v>
      </c>
      <c r="G1074" s="16" t="s">
        <v>5448</v>
      </c>
      <c r="H1074" s="16" t="s">
        <v>1759</v>
      </c>
      <c r="I1074" s="16" t="s">
        <v>5061</v>
      </c>
      <c r="J1074" s="19">
        <v>35.376297000000001</v>
      </c>
      <c r="K1074" s="19">
        <v>139.18016499999999</v>
      </c>
      <c r="L1074" s="16" t="s">
        <v>2895</v>
      </c>
      <c r="M1074" s="16" t="s">
        <v>3918</v>
      </c>
      <c r="N1074" s="16" t="s">
        <v>5449</v>
      </c>
      <c r="O1074" s="19">
        <v>1947</v>
      </c>
      <c r="P1074" s="19">
        <v>1</v>
      </c>
      <c r="Q1074" s="22"/>
      <c r="R1074" s="23">
        <v>44701</v>
      </c>
    </row>
    <row r="1075" spans="1:18" ht="14.25" customHeight="1" x14ac:dyDescent="0.2">
      <c r="A1075" s="15" t="s">
        <v>9175</v>
      </c>
      <c r="B1075" s="10" t="s">
        <v>5404</v>
      </c>
      <c r="C1075" s="16">
        <v>2</v>
      </c>
      <c r="D1075" s="16">
        <v>512</v>
      </c>
      <c r="E1075" s="16">
        <v>1504</v>
      </c>
      <c r="F1075" s="16" t="s">
        <v>5450</v>
      </c>
      <c r="G1075" s="16" t="s">
        <v>5451</v>
      </c>
      <c r="H1075" s="16" t="s">
        <v>1256</v>
      </c>
      <c r="I1075" s="16" t="s">
        <v>5062</v>
      </c>
      <c r="J1075" s="19">
        <v>35.357039999999998</v>
      </c>
      <c r="K1075" s="19">
        <v>139.224604</v>
      </c>
      <c r="L1075" s="16" t="s">
        <v>2896</v>
      </c>
      <c r="M1075" s="16" t="s">
        <v>3919</v>
      </c>
      <c r="N1075" s="16" t="s">
        <v>5452</v>
      </c>
      <c r="O1075" s="19">
        <v>1982</v>
      </c>
      <c r="P1075" s="19">
        <v>1</v>
      </c>
      <c r="Q1075" s="22"/>
      <c r="R1075" s="23">
        <v>44701</v>
      </c>
    </row>
    <row r="1076" spans="1:18" ht="14.25" customHeight="1" x14ac:dyDescent="0.2">
      <c r="A1076" s="15" t="s">
        <v>9176</v>
      </c>
      <c r="B1076" s="10" t="s">
        <v>5404</v>
      </c>
      <c r="C1076" s="16">
        <v>2</v>
      </c>
      <c r="D1076" s="16">
        <v>512</v>
      </c>
      <c r="E1076" s="16">
        <v>1504</v>
      </c>
      <c r="F1076" s="16" t="s">
        <v>5453</v>
      </c>
      <c r="G1076" s="16" t="s">
        <v>5454</v>
      </c>
      <c r="H1076" s="16" t="s">
        <v>1760</v>
      </c>
      <c r="I1076" s="16" t="s">
        <v>5063</v>
      </c>
      <c r="J1076" s="19">
        <v>35.364092999999997</v>
      </c>
      <c r="K1076" s="19">
        <v>139.18511100000001</v>
      </c>
      <c r="L1076" s="16" t="s">
        <v>2897</v>
      </c>
      <c r="M1076" s="16" t="s">
        <v>3920</v>
      </c>
      <c r="N1076" s="16" t="s">
        <v>5455</v>
      </c>
      <c r="O1076" s="19">
        <v>1984</v>
      </c>
      <c r="P1076" s="19">
        <v>1</v>
      </c>
      <c r="Q1076" s="22"/>
      <c r="R1076" s="23">
        <v>44701</v>
      </c>
    </row>
    <row r="1077" spans="1:18" ht="14.25" customHeight="1" x14ac:dyDescent="0.2">
      <c r="A1077" s="15" t="s">
        <v>9000</v>
      </c>
      <c r="B1077" s="10" t="s">
        <v>5404</v>
      </c>
      <c r="C1077" s="16">
        <v>2</v>
      </c>
      <c r="D1077" s="16">
        <v>512</v>
      </c>
      <c r="E1077" s="16">
        <v>1504</v>
      </c>
      <c r="F1077" s="16" t="s">
        <v>5456</v>
      </c>
      <c r="G1077" s="16" t="s">
        <v>5457</v>
      </c>
      <c r="H1077" s="16" t="s">
        <v>1260</v>
      </c>
      <c r="I1077" s="16" t="s">
        <v>5064</v>
      </c>
      <c r="J1077" s="19">
        <v>35.379547000000002</v>
      </c>
      <c r="K1077" s="19">
        <v>139.27086700000001</v>
      </c>
      <c r="L1077" s="16" t="s">
        <v>2898</v>
      </c>
      <c r="M1077" s="16" t="s">
        <v>3921</v>
      </c>
      <c r="N1077" s="16" t="s">
        <v>5458</v>
      </c>
      <c r="O1077" s="19">
        <v>1986</v>
      </c>
      <c r="P1077" s="19">
        <v>1</v>
      </c>
      <c r="Q1077" s="22"/>
      <c r="R1077" s="23">
        <v>44701</v>
      </c>
    </row>
    <row r="1078" spans="1:18" ht="14.25" customHeight="1" x14ac:dyDescent="0.2">
      <c r="A1078" s="15" t="s">
        <v>9190</v>
      </c>
      <c r="B1078" s="10" t="s">
        <v>5459</v>
      </c>
      <c r="C1078" s="16">
        <v>1</v>
      </c>
      <c r="D1078" s="17">
        <v>511</v>
      </c>
      <c r="E1078" s="17">
        <v>1503</v>
      </c>
      <c r="F1078" s="25" t="s">
        <v>1261</v>
      </c>
      <c r="G1078" s="26" t="s">
        <v>5460</v>
      </c>
      <c r="H1078" s="25" t="s">
        <v>1262</v>
      </c>
      <c r="I1078" s="25" t="s">
        <v>5461</v>
      </c>
      <c r="J1078" s="18">
        <v>35.447448970000003</v>
      </c>
      <c r="K1078" s="19">
        <v>139.36265090000001</v>
      </c>
      <c r="L1078" s="25" t="s">
        <v>2899</v>
      </c>
      <c r="M1078" s="17" t="s">
        <v>3922</v>
      </c>
      <c r="N1078" s="16" t="s">
        <v>10547</v>
      </c>
      <c r="O1078" s="19">
        <v>1871</v>
      </c>
      <c r="P1078" s="19">
        <v>1</v>
      </c>
      <c r="Q1078" s="22"/>
      <c r="R1078" s="23">
        <v>45065</v>
      </c>
    </row>
    <row r="1079" spans="1:18" s="29" customFormat="1" ht="14.25" customHeight="1" x14ac:dyDescent="0.2">
      <c r="A1079" s="15" t="s">
        <v>8625</v>
      </c>
      <c r="B1079" s="10" t="s">
        <v>5459</v>
      </c>
      <c r="C1079" s="16">
        <v>1</v>
      </c>
      <c r="D1079" s="17">
        <v>511</v>
      </c>
      <c r="E1079" s="17">
        <v>1503</v>
      </c>
      <c r="F1079" s="25" t="s">
        <v>1263</v>
      </c>
      <c r="G1079" s="26" t="s">
        <v>5462</v>
      </c>
      <c r="H1079" s="25" t="s">
        <v>1264</v>
      </c>
      <c r="I1079" s="25" t="s">
        <v>5463</v>
      </c>
      <c r="J1079" s="18">
        <v>35.472676989999997</v>
      </c>
      <c r="K1079" s="19">
        <v>139.3710318</v>
      </c>
      <c r="L1079" s="25" t="s">
        <v>2900</v>
      </c>
      <c r="M1079" s="17" t="s">
        <v>3923</v>
      </c>
      <c r="N1079" s="16" t="s">
        <v>10548</v>
      </c>
      <c r="O1079" s="19">
        <v>1964</v>
      </c>
      <c r="P1079" s="19">
        <v>1</v>
      </c>
      <c r="Q1079" s="22"/>
      <c r="R1079" s="23">
        <v>45065</v>
      </c>
    </row>
    <row r="1080" spans="1:18" s="29" customFormat="1" ht="14.25" customHeight="1" x14ac:dyDescent="0.2">
      <c r="A1080" s="15" t="s">
        <v>9191</v>
      </c>
      <c r="B1080" s="10" t="s">
        <v>5459</v>
      </c>
      <c r="C1080" s="16">
        <v>1</v>
      </c>
      <c r="D1080" s="17">
        <v>511</v>
      </c>
      <c r="E1080" s="17">
        <v>1503</v>
      </c>
      <c r="F1080" s="25" t="s">
        <v>1265</v>
      </c>
      <c r="G1080" s="26" t="s">
        <v>5464</v>
      </c>
      <c r="H1080" s="25" t="s">
        <v>1266</v>
      </c>
      <c r="I1080" s="25" t="s">
        <v>5065</v>
      </c>
      <c r="J1080" s="18">
        <v>35.504527709999998</v>
      </c>
      <c r="K1080" s="19">
        <v>139.35912379999999</v>
      </c>
      <c r="L1080" s="25" t="s">
        <v>2901</v>
      </c>
      <c r="M1080" s="17" t="s">
        <v>3924</v>
      </c>
      <c r="N1080" s="16" t="s">
        <v>10549</v>
      </c>
      <c r="O1080" s="19">
        <v>1966</v>
      </c>
      <c r="P1080" s="19">
        <v>1</v>
      </c>
      <c r="Q1080" s="22"/>
      <c r="R1080" s="23">
        <v>45065</v>
      </c>
    </row>
    <row r="1081" spans="1:18" ht="14.25" customHeight="1" x14ac:dyDescent="0.2">
      <c r="A1081" s="15" t="s">
        <v>9192</v>
      </c>
      <c r="B1081" s="10" t="s">
        <v>5459</v>
      </c>
      <c r="C1081" s="16">
        <v>1</v>
      </c>
      <c r="D1081" s="17">
        <v>511</v>
      </c>
      <c r="E1081" s="17">
        <v>1503</v>
      </c>
      <c r="F1081" s="25" t="s">
        <v>1267</v>
      </c>
      <c r="G1081" s="26" t="s">
        <v>5465</v>
      </c>
      <c r="H1081" s="25" t="s">
        <v>1268</v>
      </c>
      <c r="I1081" s="25" t="s">
        <v>5066</v>
      </c>
      <c r="J1081" s="18">
        <v>35.491681700000001</v>
      </c>
      <c r="K1081" s="19">
        <v>139.32062149999999</v>
      </c>
      <c r="L1081" s="25" t="s">
        <v>2902</v>
      </c>
      <c r="M1081" s="17" t="s">
        <v>3925</v>
      </c>
      <c r="N1081" s="16" t="s">
        <v>10550</v>
      </c>
      <c r="O1081" s="19">
        <v>1887</v>
      </c>
      <c r="P1081" s="19">
        <v>1</v>
      </c>
      <c r="Q1081" s="22"/>
      <c r="R1081" s="23">
        <v>45065</v>
      </c>
    </row>
    <row r="1082" spans="1:18" ht="14.25" customHeight="1" x14ac:dyDescent="0.2">
      <c r="A1082" s="15" t="s">
        <v>9193</v>
      </c>
      <c r="B1082" s="10" t="s">
        <v>5459</v>
      </c>
      <c r="C1082" s="16">
        <v>1</v>
      </c>
      <c r="D1082" s="17">
        <v>511</v>
      </c>
      <c r="E1082" s="17">
        <v>1503</v>
      </c>
      <c r="F1082" s="25" t="s">
        <v>1269</v>
      </c>
      <c r="G1082" s="26" t="s">
        <v>5466</v>
      </c>
      <c r="H1082" s="25" t="s">
        <v>1270</v>
      </c>
      <c r="I1082" s="25" t="s">
        <v>5067</v>
      </c>
      <c r="J1082" s="18">
        <v>35.482389509999997</v>
      </c>
      <c r="K1082" s="19">
        <v>139.34728079999999</v>
      </c>
      <c r="L1082" s="25" t="s">
        <v>2903</v>
      </c>
      <c r="M1082" s="17" t="s">
        <v>3926</v>
      </c>
      <c r="N1082" s="16" t="s">
        <v>10551</v>
      </c>
      <c r="O1082" s="19">
        <v>1973</v>
      </c>
      <c r="P1082" s="19">
        <v>1</v>
      </c>
      <c r="Q1082" s="22"/>
      <c r="R1082" s="23">
        <v>45065</v>
      </c>
    </row>
    <row r="1083" spans="1:18" ht="14.25" customHeight="1" x14ac:dyDescent="0.2">
      <c r="A1083" s="15" t="s">
        <v>9194</v>
      </c>
      <c r="B1083" s="10" t="s">
        <v>5459</v>
      </c>
      <c r="C1083" s="16">
        <v>1</v>
      </c>
      <c r="D1083" s="17">
        <v>511</v>
      </c>
      <c r="E1083" s="17">
        <v>1503</v>
      </c>
      <c r="F1083" s="25" t="s">
        <v>1271</v>
      </c>
      <c r="G1083" s="26" t="s">
        <v>5467</v>
      </c>
      <c r="H1083" s="25" t="s">
        <v>1272</v>
      </c>
      <c r="I1083" s="25" t="s">
        <v>5468</v>
      </c>
      <c r="J1083" s="18">
        <v>35.465543820000001</v>
      </c>
      <c r="K1083" s="19">
        <v>139.35347920000001</v>
      </c>
      <c r="L1083" s="25" t="s">
        <v>2904</v>
      </c>
      <c r="M1083" s="17" t="s">
        <v>3927</v>
      </c>
      <c r="N1083" s="16" t="s">
        <v>10552</v>
      </c>
      <c r="O1083" s="19">
        <v>1873</v>
      </c>
      <c r="P1083" s="19">
        <v>1</v>
      </c>
      <c r="Q1083" s="22"/>
      <c r="R1083" s="23">
        <v>45065</v>
      </c>
    </row>
    <row r="1084" spans="1:18" ht="14.25" customHeight="1" x14ac:dyDescent="0.2">
      <c r="A1084" s="15" t="s">
        <v>9001</v>
      </c>
      <c r="B1084" s="10" t="s">
        <v>5459</v>
      </c>
      <c r="C1084" s="16">
        <v>1</v>
      </c>
      <c r="D1084" s="17">
        <v>511</v>
      </c>
      <c r="E1084" s="17">
        <v>1503</v>
      </c>
      <c r="F1084" s="25" t="s">
        <v>1273</v>
      </c>
      <c r="G1084" s="26" t="s">
        <v>5469</v>
      </c>
      <c r="H1084" s="25" t="s">
        <v>10553</v>
      </c>
      <c r="I1084" s="25" t="s">
        <v>10554</v>
      </c>
      <c r="J1084" s="18">
        <v>35.463211919999999</v>
      </c>
      <c r="K1084" s="19">
        <v>139.32281979999999</v>
      </c>
      <c r="L1084" s="25" t="s">
        <v>2905</v>
      </c>
      <c r="M1084" s="17" t="s">
        <v>3928</v>
      </c>
      <c r="N1084" s="16" t="s">
        <v>10555</v>
      </c>
      <c r="O1084" s="19">
        <v>1889</v>
      </c>
      <c r="P1084" s="19">
        <v>1</v>
      </c>
      <c r="Q1084" s="22"/>
      <c r="R1084" s="23">
        <v>45065</v>
      </c>
    </row>
    <row r="1085" spans="1:18" ht="14.25" customHeight="1" x14ac:dyDescent="0.2">
      <c r="A1085" s="15" t="s">
        <v>9195</v>
      </c>
      <c r="B1085" s="10" t="s">
        <v>5459</v>
      </c>
      <c r="C1085" s="16">
        <v>1</v>
      </c>
      <c r="D1085" s="17">
        <v>511</v>
      </c>
      <c r="E1085" s="17">
        <v>1503</v>
      </c>
      <c r="F1085" s="25" t="s">
        <v>1275</v>
      </c>
      <c r="G1085" s="26" t="s">
        <v>5470</v>
      </c>
      <c r="H1085" s="25" t="s">
        <v>1276</v>
      </c>
      <c r="I1085" s="25" t="s">
        <v>5068</v>
      </c>
      <c r="J1085" s="18">
        <v>35.439244789999996</v>
      </c>
      <c r="K1085" s="19">
        <v>139.3035285</v>
      </c>
      <c r="L1085" s="25" t="s">
        <v>2906</v>
      </c>
      <c r="M1085" s="17" t="s">
        <v>3929</v>
      </c>
      <c r="N1085" s="16" t="s">
        <v>10556</v>
      </c>
      <c r="O1085" s="19">
        <v>1893</v>
      </c>
      <c r="P1085" s="19">
        <v>1</v>
      </c>
      <c r="Q1085" s="22"/>
      <c r="R1085" s="23">
        <v>45065</v>
      </c>
    </row>
    <row r="1086" spans="1:18" s="29" customFormat="1" ht="14.25" customHeight="1" x14ac:dyDescent="0.2">
      <c r="A1086" s="15" t="s">
        <v>9196</v>
      </c>
      <c r="B1086" s="10" t="s">
        <v>5459</v>
      </c>
      <c r="C1086" s="16">
        <v>1</v>
      </c>
      <c r="D1086" s="17">
        <v>511</v>
      </c>
      <c r="E1086" s="17">
        <v>1503</v>
      </c>
      <c r="F1086" s="25" t="s">
        <v>1277</v>
      </c>
      <c r="G1086" s="26" t="s">
        <v>5471</v>
      </c>
      <c r="H1086" s="25" t="s">
        <v>1278</v>
      </c>
      <c r="I1086" s="25" t="s">
        <v>5069</v>
      </c>
      <c r="J1086" s="18">
        <v>35.435102610000001</v>
      </c>
      <c r="K1086" s="19">
        <v>139.33936249999999</v>
      </c>
      <c r="L1086" s="25" t="s">
        <v>2907</v>
      </c>
      <c r="M1086" s="17" t="s">
        <v>3930</v>
      </c>
      <c r="N1086" s="16" t="s">
        <v>10557</v>
      </c>
      <c r="O1086" s="19">
        <v>1873</v>
      </c>
      <c r="P1086" s="19">
        <v>1</v>
      </c>
      <c r="Q1086" s="22"/>
      <c r="R1086" s="23">
        <v>45065</v>
      </c>
    </row>
    <row r="1087" spans="1:18" s="29" customFormat="1" ht="14.25" customHeight="1" x14ac:dyDescent="0.2">
      <c r="A1087" s="15" t="s">
        <v>9197</v>
      </c>
      <c r="B1087" s="10" t="s">
        <v>5459</v>
      </c>
      <c r="C1087" s="16">
        <v>1</v>
      </c>
      <c r="D1087" s="17">
        <v>511</v>
      </c>
      <c r="E1087" s="17">
        <v>1503</v>
      </c>
      <c r="F1087" s="25" t="s">
        <v>1279</v>
      </c>
      <c r="G1087" s="26" t="s">
        <v>5472</v>
      </c>
      <c r="H1087" s="25" t="s">
        <v>1280</v>
      </c>
      <c r="I1087" s="25" t="s">
        <v>5473</v>
      </c>
      <c r="J1087" s="18">
        <v>35.420545869999998</v>
      </c>
      <c r="K1087" s="19">
        <v>139.36742839999999</v>
      </c>
      <c r="L1087" s="25" t="s">
        <v>2908</v>
      </c>
      <c r="M1087" s="17" t="s">
        <v>3931</v>
      </c>
      <c r="N1087" s="16" t="s">
        <v>10558</v>
      </c>
      <c r="O1087" s="19">
        <v>1873</v>
      </c>
      <c r="P1087" s="19">
        <v>1</v>
      </c>
      <c r="Q1087" s="22"/>
      <c r="R1087" s="23">
        <v>45065</v>
      </c>
    </row>
    <row r="1088" spans="1:18" s="29" customFormat="1" ht="14.25" customHeight="1" x14ac:dyDescent="0.2">
      <c r="A1088" s="15" t="s">
        <v>9198</v>
      </c>
      <c r="B1088" s="10" t="s">
        <v>5459</v>
      </c>
      <c r="C1088" s="16">
        <v>1</v>
      </c>
      <c r="D1088" s="17">
        <v>511</v>
      </c>
      <c r="E1088" s="17">
        <v>1503</v>
      </c>
      <c r="F1088" s="25" t="s">
        <v>1281</v>
      </c>
      <c r="G1088" s="26" t="s">
        <v>5474</v>
      </c>
      <c r="H1088" s="25" t="s">
        <v>1282</v>
      </c>
      <c r="I1088" s="25" t="s">
        <v>5475</v>
      </c>
      <c r="J1088" s="18">
        <v>35.433823410000002</v>
      </c>
      <c r="K1088" s="19">
        <v>139.36149570000001</v>
      </c>
      <c r="L1088" s="25" t="s">
        <v>2909</v>
      </c>
      <c r="M1088" s="17" t="s">
        <v>3932</v>
      </c>
      <c r="N1088" s="16" t="s">
        <v>10559</v>
      </c>
      <c r="O1088" s="19">
        <v>1964</v>
      </c>
      <c r="P1088" s="19">
        <v>1</v>
      </c>
      <c r="Q1088" s="22"/>
      <c r="R1088" s="23">
        <v>45065</v>
      </c>
    </row>
    <row r="1089" spans="1:18" ht="14.25" customHeight="1" x14ac:dyDescent="0.2">
      <c r="A1089" s="15" t="s">
        <v>8626</v>
      </c>
      <c r="B1089" s="10" t="s">
        <v>5459</v>
      </c>
      <c r="C1089" s="16">
        <v>1</v>
      </c>
      <c r="D1089" s="17">
        <v>511</v>
      </c>
      <c r="E1089" s="17">
        <v>1503</v>
      </c>
      <c r="F1089" s="25" t="s">
        <v>5476</v>
      </c>
      <c r="G1089" s="26" t="s">
        <v>5477</v>
      </c>
      <c r="H1089" s="25" t="s">
        <v>1283</v>
      </c>
      <c r="I1089" s="25" t="s">
        <v>5478</v>
      </c>
      <c r="J1089" s="18">
        <v>35.455131559999998</v>
      </c>
      <c r="K1089" s="19">
        <v>139.34264429999999</v>
      </c>
      <c r="L1089" s="25" t="s">
        <v>2910</v>
      </c>
      <c r="M1089" s="17" t="s">
        <v>3933</v>
      </c>
      <c r="N1089" s="16" t="s">
        <v>10560</v>
      </c>
      <c r="O1089" s="19">
        <v>1966</v>
      </c>
      <c r="P1089" s="19">
        <v>1</v>
      </c>
      <c r="Q1089" s="22"/>
      <c r="R1089" s="23">
        <v>45065</v>
      </c>
    </row>
    <row r="1090" spans="1:18" ht="14.25" customHeight="1" x14ac:dyDescent="0.2">
      <c r="A1090" s="15" t="s">
        <v>9177</v>
      </c>
      <c r="B1090" s="10" t="s">
        <v>5459</v>
      </c>
      <c r="C1090" s="16">
        <v>1</v>
      </c>
      <c r="D1090" s="17">
        <v>511</v>
      </c>
      <c r="E1090" s="17">
        <v>1503</v>
      </c>
      <c r="F1090" s="25" t="s">
        <v>1284</v>
      </c>
      <c r="G1090" s="26" t="s">
        <v>5479</v>
      </c>
      <c r="H1090" s="25" t="s">
        <v>1285</v>
      </c>
      <c r="I1090" s="25" t="s">
        <v>5480</v>
      </c>
      <c r="J1090" s="18">
        <v>35.451747150000003</v>
      </c>
      <c r="K1090" s="19">
        <v>139.3502957</v>
      </c>
      <c r="L1090" s="25" t="s">
        <v>2911</v>
      </c>
      <c r="M1090" s="17" t="s">
        <v>3934</v>
      </c>
      <c r="N1090" s="16" t="s">
        <v>10561</v>
      </c>
      <c r="O1090" s="19">
        <v>1975</v>
      </c>
      <c r="P1090" s="19">
        <v>1</v>
      </c>
      <c r="Q1090" s="22"/>
      <c r="R1090" s="23">
        <v>45065</v>
      </c>
    </row>
    <row r="1091" spans="1:18" ht="14.25" customHeight="1" x14ac:dyDescent="0.2">
      <c r="A1091" s="15" t="s">
        <v>9002</v>
      </c>
      <c r="B1091" s="10" t="s">
        <v>5459</v>
      </c>
      <c r="C1091" s="16">
        <v>1</v>
      </c>
      <c r="D1091" s="17">
        <v>511</v>
      </c>
      <c r="E1091" s="17">
        <v>1503</v>
      </c>
      <c r="F1091" s="25" t="s">
        <v>1286</v>
      </c>
      <c r="G1091" s="26" t="s">
        <v>5481</v>
      </c>
      <c r="H1091" s="25" t="s">
        <v>1287</v>
      </c>
      <c r="I1091" s="25" t="s">
        <v>5482</v>
      </c>
      <c r="J1091" s="18">
        <v>35.426183469999998</v>
      </c>
      <c r="K1091" s="19">
        <v>139.33905960000001</v>
      </c>
      <c r="L1091" s="25" t="s">
        <v>2912</v>
      </c>
      <c r="M1091" s="17" t="s">
        <v>3935</v>
      </c>
      <c r="N1091" s="16" t="s">
        <v>10562</v>
      </c>
      <c r="O1091" s="19">
        <v>1976</v>
      </c>
      <c r="P1091" s="19">
        <v>1</v>
      </c>
      <c r="Q1091" s="22"/>
      <c r="R1091" s="23">
        <v>45065</v>
      </c>
    </row>
    <row r="1092" spans="1:18" s="29" customFormat="1" ht="14.25" customHeight="1" x14ac:dyDescent="0.2">
      <c r="A1092" s="15" t="s">
        <v>9178</v>
      </c>
      <c r="B1092" s="10" t="s">
        <v>5459</v>
      </c>
      <c r="C1092" s="16">
        <v>1</v>
      </c>
      <c r="D1092" s="17">
        <v>511</v>
      </c>
      <c r="E1092" s="17">
        <v>1503</v>
      </c>
      <c r="F1092" s="25" t="s">
        <v>1288</v>
      </c>
      <c r="G1092" s="26" t="s">
        <v>5483</v>
      </c>
      <c r="H1092" s="25" t="s">
        <v>1289</v>
      </c>
      <c r="I1092" s="25" t="s">
        <v>5484</v>
      </c>
      <c r="J1092" s="18">
        <v>35.452450399999996</v>
      </c>
      <c r="K1092" s="19">
        <v>139.36155790000001</v>
      </c>
      <c r="L1092" s="25" t="s">
        <v>2913</v>
      </c>
      <c r="M1092" s="17" t="s">
        <v>3936</v>
      </c>
      <c r="N1092" s="16" t="s">
        <v>10563</v>
      </c>
      <c r="O1092" s="19">
        <v>1976</v>
      </c>
      <c r="P1092" s="19">
        <v>1</v>
      </c>
      <c r="Q1092" s="22"/>
      <c r="R1092" s="23">
        <v>45065</v>
      </c>
    </row>
    <row r="1093" spans="1:18" s="29" customFormat="1" ht="14.25" customHeight="1" x14ac:dyDescent="0.2">
      <c r="A1093" s="15" t="s">
        <v>9003</v>
      </c>
      <c r="B1093" s="10" t="s">
        <v>5459</v>
      </c>
      <c r="C1093" s="16">
        <v>1</v>
      </c>
      <c r="D1093" s="17">
        <v>511</v>
      </c>
      <c r="E1093" s="17">
        <v>1503</v>
      </c>
      <c r="F1093" s="25" t="s">
        <v>1290</v>
      </c>
      <c r="G1093" s="26" t="s">
        <v>5485</v>
      </c>
      <c r="H1093" s="25" t="s">
        <v>1291</v>
      </c>
      <c r="I1093" s="25" t="s">
        <v>5486</v>
      </c>
      <c r="J1093" s="18">
        <v>35.489150189999997</v>
      </c>
      <c r="K1093" s="19">
        <v>139.32991870000001</v>
      </c>
      <c r="L1093" s="25" t="s">
        <v>2914</v>
      </c>
      <c r="M1093" s="17" t="s">
        <v>3937</v>
      </c>
      <c r="N1093" s="16" t="s">
        <v>10564</v>
      </c>
      <c r="O1093" s="19">
        <v>1977</v>
      </c>
      <c r="P1093" s="19">
        <v>1</v>
      </c>
      <c r="Q1093" s="22"/>
      <c r="R1093" s="23">
        <v>45065</v>
      </c>
    </row>
    <row r="1094" spans="1:18" s="29" customFormat="1" ht="14.25" customHeight="1" x14ac:dyDescent="0.2">
      <c r="A1094" s="15" t="s">
        <v>9179</v>
      </c>
      <c r="B1094" s="10" t="s">
        <v>5459</v>
      </c>
      <c r="C1094" s="16">
        <v>1</v>
      </c>
      <c r="D1094" s="17">
        <v>511</v>
      </c>
      <c r="E1094" s="17">
        <v>1503</v>
      </c>
      <c r="F1094" s="25" t="s">
        <v>1292</v>
      </c>
      <c r="G1094" s="26" t="s">
        <v>5487</v>
      </c>
      <c r="H1094" s="25" t="s">
        <v>1293</v>
      </c>
      <c r="I1094" s="25" t="s">
        <v>5488</v>
      </c>
      <c r="J1094" s="18">
        <v>35.441361720000003</v>
      </c>
      <c r="K1094" s="19">
        <v>139.3303033</v>
      </c>
      <c r="L1094" s="25" t="s">
        <v>2915</v>
      </c>
      <c r="M1094" s="17" t="s">
        <v>3938</v>
      </c>
      <c r="N1094" s="16" t="s">
        <v>10565</v>
      </c>
      <c r="O1094" s="19">
        <v>1980</v>
      </c>
      <c r="P1094" s="19">
        <v>1</v>
      </c>
      <c r="Q1094" s="22"/>
      <c r="R1094" s="23">
        <v>45065</v>
      </c>
    </row>
    <row r="1095" spans="1:18" x14ac:dyDescent="0.2">
      <c r="A1095" s="15" t="s">
        <v>9180</v>
      </c>
      <c r="B1095" s="10" t="s">
        <v>5459</v>
      </c>
      <c r="C1095" s="16">
        <v>1</v>
      </c>
      <c r="D1095" s="17">
        <v>511</v>
      </c>
      <c r="E1095" s="17">
        <v>1503</v>
      </c>
      <c r="F1095" s="25" t="s">
        <v>1294</v>
      </c>
      <c r="G1095" s="26" t="s">
        <v>5489</v>
      </c>
      <c r="H1095" s="25" t="s">
        <v>1268</v>
      </c>
      <c r="I1095" s="25" t="s">
        <v>5070</v>
      </c>
      <c r="J1095" s="18">
        <v>35.507207829999999</v>
      </c>
      <c r="K1095" s="19">
        <v>139.31213750000001</v>
      </c>
      <c r="L1095" s="25" t="s">
        <v>2916</v>
      </c>
      <c r="M1095" s="17" t="s">
        <v>3939</v>
      </c>
      <c r="N1095" s="16" t="s">
        <v>10566</v>
      </c>
      <c r="O1095" s="19">
        <v>1980</v>
      </c>
      <c r="P1095" s="19">
        <v>1</v>
      </c>
      <c r="Q1095" s="22"/>
      <c r="R1095" s="23">
        <v>45065</v>
      </c>
    </row>
    <row r="1096" spans="1:18" x14ac:dyDescent="0.2">
      <c r="A1096" s="15" t="s">
        <v>9004</v>
      </c>
      <c r="B1096" s="10" t="s">
        <v>5459</v>
      </c>
      <c r="C1096" s="16">
        <v>1</v>
      </c>
      <c r="D1096" s="17">
        <v>511</v>
      </c>
      <c r="E1096" s="17">
        <v>1503</v>
      </c>
      <c r="F1096" s="25" t="s">
        <v>1295</v>
      </c>
      <c r="G1096" s="26" t="s">
        <v>5490</v>
      </c>
      <c r="H1096" s="25" t="s">
        <v>1274</v>
      </c>
      <c r="I1096" s="25" t="s">
        <v>5071</v>
      </c>
      <c r="J1096" s="18">
        <v>35.472552739999998</v>
      </c>
      <c r="K1096" s="19">
        <v>139.32060100000001</v>
      </c>
      <c r="L1096" s="25" t="s">
        <v>2917</v>
      </c>
      <c r="M1096" s="17" t="s">
        <v>3940</v>
      </c>
      <c r="N1096" s="16" t="s">
        <v>10567</v>
      </c>
      <c r="O1096" s="19">
        <v>1984</v>
      </c>
      <c r="P1096" s="19">
        <v>1</v>
      </c>
      <c r="Q1096" s="22"/>
      <c r="R1096" s="23">
        <v>45065</v>
      </c>
    </row>
    <row r="1097" spans="1:18" x14ac:dyDescent="0.2">
      <c r="A1097" s="15" t="s">
        <v>9199</v>
      </c>
      <c r="B1097" s="10" t="s">
        <v>5459</v>
      </c>
      <c r="C1097" s="16">
        <v>1</v>
      </c>
      <c r="D1097" s="17">
        <v>511</v>
      </c>
      <c r="E1097" s="17">
        <v>1503</v>
      </c>
      <c r="F1097" s="25" t="s">
        <v>1296</v>
      </c>
      <c r="G1097" s="26" t="s">
        <v>5491</v>
      </c>
      <c r="H1097" s="25" t="s">
        <v>1297</v>
      </c>
      <c r="I1097" s="25" t="s">
        <v>5492</v>
      </c>
      <c r="J1097" s="18">
        <v>35.444815339999998</v>
      </c>
      <c r="K1097" s="19">
        <v>139.3060893</v>
      </c>
      <c r="L1097" s="25" t="s">
        <v>2918</v>
      </c>
      <c r="M1097" s="17" t="s">
        <v>3941</v>
      </c>
      <c r="N1097" s="16" t="s">
        <v>10568</v>
      </c>
      <c r="O1097" s="19">
        <v>1985</v>
      </c>
      <c r="P1097" s="19">
        <v>1</v>
      </c>
      <c r="Q1097" s="22"/>
      <c r="R1097" s="23">
        <v>45065</v>
      </c>
    </row>
    <row r="1098" spans="1:18" s="29" customFormat="1" x14ac:dyDescent="0.2">
      <c r="A1098" s="15" t="s">
        <v>9200</v>
      </c>
      <c r="B1098" s="10" t="s">
        <v>5459</v>
      </c>
      <c r="C1098" s="16">
        <v>1</v>
      </c>
      <c r="D1098" s="17">
        <v>511</v>
      </c>
      <c r="E1098" s="17">
        <v>1503</v>
      </c>
      <c r="F1098" s="25" t="s">
        <v>1298</v>
      </c>
      <c r="G1098" s="26" t="s">
        <v>5493</v>
      </c>
      <c r="H1098" s="25" t="s">
        <v>1299</v>
      </c>
      <c r="I1098" s="25" t="s">
        <v>5072</v>
      </c>
      <c r="J1098" s="18">
        <v>35.491560399999997</v>
      </c>
      <c r="K1098" s="19">
        <v>139.36312330000001</v>
      </c>
      <c r="L1098" s="25" t="s">
        <v>2919</v>
      </c>
      <c r="M1098" s="17" t="s">
        <v>3942</v>
      </c>
      <c r="N1098" s="16" t="s">
        <v>10569</v>
      </c>
      <c r="O1098" s="19">
        <v>1987</v>
      </c>
      <c r="P1098" s="19">
        <v>1</v>
      </c>
      <c r="Q1098" s="22"/>
      <c r="R1098" s="23">
        <v>45065</v>
      </c>
    </row>
    <row r="1099" spans="1:18" s="29" customFormat="1" x14ac:dyDescent="0.2">
      <c r="A1099" s="15" t="s">
        <v>9005</v>
      </c>
      <c r="B1099" s="10" t="s">
        <v>5459</v>
      </c>
      <c r="C1099" s="16">
        <v>1</v>
      </c>
      <c r="D1099" s="17">
        <v>511</v>
      </c>
      <c r="E1099" s="17">
        <v>1503</v>
      </c>
      <c r="F1099" s="25" t="s">
        <v>1300</v>
      </c>
      <c r="G1099" s="26" t="s">
        <v>5494</v>
      </c>
      <c r="H1099" s="25" t="s">
        <v>1301</v>
      </c>
      <c r="I1099" s="25" t="s">
        <v>5073</v>
      </c>
      <c r="J1099" s="18">
        <v>35.403480029999997</v>
      </c>
      <c r="K1099" s="19">
        <v>139.3605488</v>
      </c>
      <c r="L1099" s="25" t="s">
        <v>2920</v>
      </c>
      <c r="M1099" s="17" t="s">
        <v>3943</v>
      </c>
      <c r="N1099" s="16" t="s">
        <v>10570</v>
      </c>
      <c r="O1099" s="19">
        <v>1988</v>
      </c>
      <c r="P1099" s="19">
        <v>1</v>
      </c>
      <c r="Q1099" s="22"/>
      <c r="R1099" s="23">
        <v>45065</v>
      </c>
    </row>
    <row r="1100" spans="1:18" ht="14.25" customHeight="1" x14ac:dyDescent="0.2">
      <c r="A1100" s="15" t="s">
        <v>8627</v>
      </c>
      <c r="B1100" s="10" t="s">
        <v>5459</v>
      </c>
      <c r="C1100" s="16">
        <v>1</v>
      </c>
      <c r="D1100" s="17">
        <v>511</v>
      </c>
      <c r="E1100" s="17">
        <v>1503</v>
      </c>
      <c r="F1100" s="25" t="s">
        <v>1302</v>
      </c>
      <c r="G1100" s="26" t="s">
        <v>5495</v>
      </c>
      <c r="H1100" s="25" t="s">
        <v>1303</v>
      </c>
      <c r="I1100" s="25" t="s">
        <v>5074</v>
      </c>
      <c r="J1100" s="18">
        <v>35.510801819999998</v>
      </c>
      <c r="K1100" s="19">
        <v>139.36396880000001</v>
      </c>
      <c r="L1100" s="25" t="s">
        <v>2921</v>
      </c>
      <c r="M1100" s="17" t="s">
        <v>3944</v>
      </c>
      <c r="N1100" s="16" t="s">
        <v>10571</v>
      </c>
      <c r="O1100" s="19">
        <v>1995</v>
      </c>
      <c r="P1100" s="19">
        <v>1</v>
      </c>
      <c r="Q1100" s="22"/>
      <c r="R1100" s="23">
        <v>45065</v>
      </c>
    </row>
    <row r="1101" spans="1:18" ht="14.25" customHeight="1" x14ac:dyDescent="0.2">
      <c r="A1101" s="15" t="s">
        <v>9181</v>
      </c>
      <c r="B1101" s="10" t="s">
        <v>5459</v>
      </c>
      <c r="C1101" s="16">
        <v>2</v>
      </c>
      <c r="D1101" s="16">
        <v>512</v>
      </c>
      <c r="E1101" s="16">
        <v>1504</v>
      </c>
      <c r="F1101" s="31" t="s">
        <v>5496</v>
      </c>
      <c r="G1101" s="32" t="s">
        <v>5497</v>
      </c>
      <c r="H1101" s="31" t="s">
        <v>1761</v>
      </c>
      <c r="I1101" s="31" t="s">
        <v>5498</v>
      </c>
      <c r="J1101" s="19">
        <v>35.445141169999999</v>
      </c>
      <c r="K1101" s="19">
        <v>139.3600601</v>
      </c>
      <c r="L1101" s="31" t="s">
        <v>2922</v>
      </c>
      <c r="M1101" s="31" t="s">
        <v>3945</v>
      </c>
      <c r="N1101" s="16" t="s">
        <v>10572</v>
      </c>
      <c r="O1101" s="19">
        <v>1947</v>
      </c>
      <c r="P1101" s="19">
        <v>1</v>
      </c>
      <c r="Q1101" s="22"/>
      <c r="R1101" s="23">
        <v>45065</v>
      </c>
    </row>
    <row r="1102" spans="1:18" s="29" customFormat="1" ht="14.25" customHeight="1" x14ac:dyDescent="0.2">
      <c r="A1102" s="15" t="s">
        <v>9201</v>
      </c>
      <c r="B1102" s="10" t="s">
        <v>5459</v>
      </c>
      <c r="C1102" s="16">
        <v>2</v>
      </c>
      <c r="D1102" s="16">
        <v>512</v>
      </c>
      <c r="E1102" s="16">
        <v>1504</v>
      </c>
      <c r="F1102" s="31" t="s">
        <v>5499</v>
      </c>
      <c r="G1102" s="32" t="s">
        <v>5500</v>
      </c>
      <c r="H1102" s="31" t="s">
        <v>1762</v>
      </c>
      <c r="I1102" s="31" t="s">
        <v>5075</v>
      </c>
      <c r="J1102" s="19">
        <v>35.474714730000002</v>
      </c>
      <c r="K1102" s="19">
        <v>139.3694189</v>
      </c>
      <c r="L1102" s="31" t="s">
        <v>2923</v>
      </c>
      <c r="M1102" s="31" t="s">
        <v>3946</v>
      </c>
      <c r="N1102" s="16" t="s">
        <v>10573</v>
      </c>
      <c r="O1102" s="19">
        <v>1947</v>
      </c>
      <c r="P1102" s="19">
        <v>1</v>
      </c>
      <c r="Q1102" s="22"/>
      <c r="R1102" s="23">
        <v>45065</v>
      </c>
    </row>
    <row r="1103" spans="1:18" ht="14.25" customHeight="1" x14ac:dyDescent="0.2">
      <c r="A1103" s="15" t="s">
        <v>9182</v>
      </c>
      <c r="B1103" s="10" t="s">
        <v>5459</v>
      </c>
      <c r="C1103" s="16">
        <v>2</v>
      </c>
      <c r="D1103" s="16">
        <v>512</v>
      </c>
      <c r="E1103" s="16">
        <v>1504</v>
      </c>
      <c r="F1103" s="31" t="s">
        <v>5501</v>
      </c>
      <c r="G1103" s="32" t="s">
        <v>5502</v>
      </c>
      <c r="H1103" s="31" t="s">
        <v>1291</v>
      </c>
      <c r="I1103" s="31" t="s">
        <v>5503</v>
      </c>
      <c r="J1103" s="19">
        <v>35.49308757</v>
      </c>
      <c r="K1103" s="19">
        <v>139.32163360000001</v>
      </c>
      <c r="L1103" s="31" t="s">
        <v>2924</v>
      </c>
      <c r="M1103" s="31" t="s">
        <v>3947</v>
      </c>
      <c r="N1103" s="16" t="s">
        <v>10574</v>
      </c>
      <c r="O1103" s="19">
        <v>1947</v>
      </c>
      <c r="P1103" s="19">
        <v>1</v>
      </c>
      <c r="Q1103" s="22"/>
      <c r="R1103" s="23">
        <v>45065</v>
      </c>
    </row>
    <row r="1104" spans="1:18" ht="14.25" customHeight="1" x14ac:dyDescent="0.2">
      <c r="A1104" s="15" t="s">
        <v>9183</v>
      </c>
      <c r="B1104" s="10" t="s">
        <v>5459</v>
      </c>
      <c r="C1104" s="16">
        <v>2</v>
      </c>
      <c r="D1104" s="16">
        <v>512</v>
      </c>
      <c r="E1104" s="16">
        <v>1504</v>
      </c>
      <c r="F1104" s="31" t="s">
        <v>5504</v>
      </c>
      <c r="G1104" s="32" t="s">
        <v>5505</v>
      </c>
      <c r="H1104" s="31" t="s">
        <v>1763</v>
      </c>
      <c r="I1104" s="31" t="s">
        <v>9184</v>
      </c>
      <c r="J1104" s="19">
        <v>35.478627830000001</v>
      </c>
      <c r="K1104" s="19">
        <v>139.343853</v>
      </c>
      <c r="L1104" s="31" t="s">
        <v>2925</v>
      </c>
      <c r="M1104" s="31" t="s">
        <v>3948</v>
      </c>
      <c r="N1104" s="16" t="s">
        <v>10575</v>
      </c>
      <c r="O1104" s="19">
        <v>1947</v>
      </c>
      <c r="P1104" s="19">
        <v>1</v>
      </c>
      <c r="Q1104" s="22"/>
      <c r="R1104" s="23">
        <v>45065</v>
      </c>
    </row>
    <row r="1105" spans="1:18" ht="14.25" customHeight="1" x14ac:dyDescent="0.2">
      <c r="A1105" s="15" t="s">
        <v>9202</v>
      </c>
      <c r="B1105" s="10" t="s">
        <v>5459</v>
      </c>
      <c r="C1105" s="16">
        <v>2</v>
      </c>
      <c r="D1105" s="16">
        <v>512</v>
      </c>
      <c r="E1105" s="16">
        <v>1504</v>
      </c>
      <c r="F1105" s="31" t="s">
        <v>5506</v>
      </c>
      <c r="G1105" s="32" t="s">
        <v>5507</v>
      </c>
      <c r="H1105" s="25" t="s">
        <v>10553</v>
      </c>
      <c r="I1105" s="25" t="s">
        <v>10576</v>
      </c>
      <c r="J1105" s="19">
        <v>35.462230060000003</v>
      </c>
      <c r="K1105" s="19">
        <v>139.32332679999999</v>
      </c>
      <c r="L1105" s="31" t="s">
        <v>2926</v>
      </c>
      <c r="M1105" s="31" t="s">
        <v>3949</v>
      </c>
      <c r="N1105" s="16" t="s">
        <v>10577</v>
      </c>
      <c r="O1105" s="19">
        <v>1947</v>
      </c>
      <c r="P1105" s="19">
        <v>1</v>
      </c>
      <c r="Q1105" s="22"/>
      <c r="R1105" s="23">
        <v>45065</v>
      </c>
    </row>
    <row r="1106" spans="1:18" s="29" customFormat="1" ht="14.25" customHeight="1" x14ac:dyDescent="0.2">
      <c r="A1106" s="15" t="s">
        <v>9006</v>
      </c>
      <c r="B1106" s="10" t="s">
        <v>5459</v>
      </c>
      <c r="C1106" s="16">
        <v>2</v>
      </c>
      <c r="D1106" s="16">
        <v>512</v>
      </c>
      <c r="E1106" s="16">
        <v>1504</v>
      </c>
      <c r="F1106" s="31" t="s">
        <v>5508</v>
      </c>
      <c r="G1106" s="32" t="s">
        <v>5509</v>
      </c>
      <c r="H1106" s="31" t="s">
        <v>1764</v>
      </c>
      <c r="I1106" s="31" t="s">
        <v>5076</v>
      </c>
      <c r="J1106" s="19">
        <v>35.430243480000001</v>
      </c>
      <c r="K1106" s="19">
        <v>139.32129990000001</v>
      </c>
      <c r="L1106" s="31" t="s">
        <v>2927</v>
      </c>
      <c r="M1106" s="31" t="s">
        <v>3950</v>
      </c>
      <c r="N1106" s="16" t="s">
        <v>10578</v>
      </c>
      <c r="O1106" s="19">
        <v>1979</v>
      </c>
      <c r="P1106" s="19">
        <v>1</v>
      </c>
      <c r="Q1106" s="22"/>
      <c r="R1106" s="23">
        <v>45065</v>
      </c>
    </row>
    <row r="1107" spans="1:18" ht="14.25" customHeight="1" x14ac:dyDescent="0.2">
      <c r="A1107" s="15" t="s">
        <v>9185</v>
      </c>
      <c r="B1107" s="10" t="s">
        <v>5459</v>
      </c>
      <c r="C1107" s="16">
        <v>2</v>
      </c>
      <c r="D1107" s="16">
        <v>512</v>
      </c>
      <c r="E1107" s="16">
        <v>1504</v>
      </c>
      <c r="F1107" s="31" t="s">
        <v>5510</v>
      </c>
      <c r="G1107" s="32" t="s">
        <v>5511</v>
      </c>
      <c r="H1107" s="31" t="s">
        <v>1765</v>
      </c>
      <c r="I1107" s="31" t="s">
        <v>5512</v>
      </c>
      <c r="J1107" s="19">
        <v>35.442882130000001</v>
      </c>
      <c r="K1107" s="19">
        <v>139.35222669999999</v>
      </c>
      <c r="L1107" s="31" t="s">
        <v>2928</v>
      </c>
      <c r="M1107" s="31" t="s">
        <v>3951</v>
      </c>
      <c r="N1107" s="16" t="s">
        <v>10579</v>
      </c>
      <c r="O1107" s="19">
        <v>1947</v>
      </c>
      <c r="P1107" s="19">
        <v>1</v>
      </c>
      <c r="Q1107" s="22"/>
      <c r="R1107" s="23">
        <v>45065</v>
      </c>
    </row>
    <row r="1108" spans="1:18" ht="14.25" customHeight="1" x14ac:dyDescent="0.2">
      <c r="A1108" s="15" t="s">
        <v>9186</v>
      </c>
      <c r="B1108" s="10" t="s">
        <v>5459</v>
      </c>
      <c r="C1108" s="16">
        <v>2</v>
      </c>
      <c r="D1108" s="16">
        <v>512</v>
      </c>
      <c r="E1108" s="16">
        <v>1504</v>
      </c>
      <c r="F1108" s="31" t="s">
        <v>5513</v>
      </c>
      <c r="G1108" s="32" t="s">
        <v>5514</v>
      </c>
      <c r="H1108" s="31" t="s">
        <v>1766</v>
      </c>
      <c r="I1108" s="31" t="s">
        <v>5077</v>
      </c>
      <c r="J1108" s="19">
        <v>35.42078059</v>
      </c>
      <c r="K1108" s="19">
        <v>139.3528388</v>
      </c>
      <c r="L1108" s="31" t="s">
        <v>2929</v>
      </c>
      <c r="M1108" s="31" t="s">
        <v>3952</v>
      </c>
      <c r="N1108" s="16" t="s">
        <v>10580</v>
      </c>
      <c r="O1108" s="19">
        <v>1969</v>
      </c>
      <c r="P1108" s="19">
        <v>1</v>
      </c>
      <c r="Q1108" s="22"/>
      <c r="R1108" s="23">
        <v>45065</v>
      </c>
    </row>
    <row r="1109" spans="1:18" s="29" customFormat="1" ht="14.25" customHeight="1" x14ac:dyDescent="0.2">
      <c r="A1109" s="15" t="s">
        <v>9187</v>
      </c>
      <c r="B1109" s="10" t="s">
        <v>5459</v>
      </c>
      <c r="C1109" s="16">
        <v>2</v>
      </c>
      <c r="D1109" s="16">
        <v>512</v>
      </c>
      <c r="E1109" s="16">
        <v>1504</v>
      </c>
      <c r="F1109" s="31" t="s">
        <v>5515</v>
      </c>
      <c r="G1109" s="32" t="s">
        <v>5516</v>
      </c>
      <c r="H1109" s="31" t="s">
        <v>1767</v>
      </c>
      <c r="I1109" s="31" t="s">
        <v>5517</v>
      </c>
      <c r="J1109" s="19">
        <v>35.458206529999998</v>
      </c>
      <c r="K1109" s="19">
        <v>139.3518555</v>
      </c>
      <c r="L1109" s="31" t="s">
        <v>2930</v>
      </c>
      <c r="M1109" s="31" t="s">
        <v>3953</v>
      </c>
      <c r="N1109" s="16" t="s">
        <v>10581</v>
      </c>
      <c r="O1109" s="19">
        <v>1977</v>
      </c>
      <c r="P1109" s="19">
        <v>1</v>
      </c>
      <c r="Q1109" s="22"/>
      <c r="R1109" s="23">
        <v>45065</v>
      </c>
    </row>
    <row r="1110" spans="1:18" ht="14.25" customHeight="1" x14ac:dyDescent="0.2">
      <c r="A1110" s="15" t="s">
        <v>9188</v>
      </c>
      <c r="B1110" s="10" t="s">
        <v>5459</v>
      </c>
      <c r="C1110" s="16">
        <v>2</v>
      </c>
      <c r="D1110" s="16">
        <v>512</v>
      </c>
      <c r="E1110" s="16">
        <v>1504</v>
      </c>
      <c r="F1110" s="31" t="s">
        <v>5518</v>
      </c>
      <c r="G1110" s="32" t="s">
        <v>5519</v>
      </c>
      <c r="H1110" s="31" t="s">
        <v>1303</v>
      </c>
      <c r="I1110" s="31" t="s">
        <v>5078</v>
      </c>
      <c r="J1110" s="19">
        <v>35.507209490000001</v>
      </c>
      <c r="K1110" s="19">
        <v>139.35655499999999</v>
      </c>
      <c r="L1110" s="31" t="s">
        <v>2931</v>
      </c>
      <c r="M1110" s="31" t="s">
        <v>3954</v>
      </c>
      <c r="N1110" s="16" t="s">
        <v>10582</v>
      </c>
      <c r="O1110" s="19">
        <v>1984</v>
      </c>
      <c r="P1110" s="19">
        <v>1</v>
      </c>
      <c r="Q1110" s="22"/>
      <c r="R1110" s="23">
        <v>45065</v>
      </c>
    </row>
    <row r="1111" spans="1:18" s="29" customFormat="1" ht="14.25" customHeight="1" x14ac:dyDescent="0.2">
      <c r="A1111" s="15" t="s">
        <v>9189</v>
      </c>
      <c r="B1111" s="10" t="s">
        <v>5459</v>
      </c>
      <c r="C1111" s="16">
        <v>2</v>
      </c>
      <c r="D1111" s="16">
        <v>512</v>
      </c>
      <c r="E1111" s="16">
        <v>1504</v>
      </c>
      <c r="F1111" s="31" t="s">
        <v>5520</v>
      </c>
      <c r="G1111" s="32" t="s">
        <v>5521</v>
      </c>
      <c r="H1111" s="31" t="s">
        <v>1297</v>
      </c>
      <c r="I1111" s="31" t="s">
        <v>5522</v>
      </c>
      <c r="J1111" s="19">
        <v>35.44850486</v>
      </c>
      <c r="K1111" s="19">
        <v>139.30489639999999</v>
      </c>
      <c r="L1111" s="31" t="s">
        <v>2932</v>
      </c>
      <c r="M1111" s="31" t="s">
        <v>3955</v>
      </c>
      <c r="N1111" s="16" t="s">
        <v>10583</v>
      </c>
      <c r="O1111" s="19">
        <v>1986</v>
      </c>
      <c r="P1111" s="19">
        <v>1</v>
      </c>
      <c r="Q1111" s="22"/>
      <c r="R1111" s="23">
        <v>45065</v>
      </c>
    </row>
    <row r="1112" spans="1:18" ht="14.25" customHeight="1" x14ac:dyDescent="0.2">
      <c r="A1112" s="15" t="s">
        <v>9203</v>
      </c>
      <c r="B1112" s="10" t="s">
        <v>5459</v>
      </c>
      <c r="C1112" s="16">
        <v>2</v>
      </c>
      <c r="D1112" s="16">
        <v>512</v>
      </c>
      <c r="E1112" s="16">
        <v>1504</v>
      </c>
      <c r="F1112" s="31" t="s">
        <v>5523</v>
      </c>
      <c r="G1112" s="32" t="s">
        <v>5524</v>
      </c>
      <c r="H1112" s="31" t="s">
        <v>1270</v>
      </c>
      <c r="I1112" s="31" t="s">
        <v>5079</v>
      </c>
      <c r="J1112" s="19">
        <v>35.469463609999998</v>
      </c>
      <c r="K1112" s="19">
        <v>139.3621713</v>
      </c>
      <c r="L1112" s="31" t="s">
        <v>2933</v>
      </c>
      <c r="M1112" s="31" t="s">
        <v>3956</v>
      </c>
      <c r="N1112" s="16" t="s">
        <v>10584</v>
      </c>
      <c r="O1112" s="19">
        <v>1988</v>
      </c>
      <c r="P1112" s="19">
        <v>1</v>
      </c>
      <c r="Q1112" s="22"/>
      <c r="R1112" s="23">
        <v>45065</v>
      </c>
    </row>
    <row r="1113" spans="1:18" ht="14.25" customHeight="1" x14ac:dyDescent="0.2">
      <c r="A1113" s="15" t="s">
        <v>9204</v>
      </c>
      <c r="B1113" s="10" t="s">
        <v>5459</v>
      </c>
      <c r="C1113" s="16">
        <v>2</v>
      </c>
      <c r="D1113" s="16">
        <v>512</v>
      </c>
      <c r="E1113" s="16">
        <v>1504</v>
      </c>
      <c r="F1113" s="31" t="s">
        <v>5525</v>
      </c>
      <c r="G1113" s="32" t="s">
        <v>5526</v>
      </c>
      <c r="H1113" s="31" t="s">
        <v>1768</v>
      </c>
      <c r="I1113" s="31" t="s">
        <v>5080</v>
      </c>
      <c r="J1113" s="19">
        <v>35.408429720000001</v>
      </c>
      <c r="K1113" s="19">
        <v>139.3648427</v>
      </c>
      <c r="L1113" s="31" t="s">
        <v>2934</v>
      </c>
      <c r="M1113" s="31" t="s">
        <v>3957</v>
      </c>
      <c r="N1113" s="16" t="s">
        <v>10585</v>
      </c>
      <c r="O1113" s="19">
        <v>1995</v>
      </c>
      <c r="P1113" s="19">
        <v>1</v>
      </c>
      <c r="Q1113" s="22"/>
      <c r="R1113" s="23">
        <v>45065</v>
      </c>
    </row>
    <row r="1114" spans="1:18" s="29" customFormat="1" ht="14.25" customHeight="1" x14ac:dyDescent="0.2">
      <c r="A1114" s="15" t="s">
        <v>8628</v>
      </c>
      <c r="B1114" s="10" t="s">
        <v>1815</v>
      </c>
      <c r="C1114" s="16">
        <v>1</v>
      </c>
      <c r="D1114" s="17">
        <v>511</v>
      </c>
      <c r="E1114" s="17">
        <v>1503</v>
      </c>
      <c r="F1114" s="25" t="s">
        <v>1304</v>
      </c>
      <c r="G1114" s="26" t="s">
        <v>7292</v>
      </c>
      <c r="H1114" s="25" t="s">
        <v>1305</v>
      </c>
      <c r="I1114" s="25" t="s">
        <v>5081</v>
      </c>
      <c r="J1114" s="18"/>
      <c r="K1114" s="19"/>
      <c r="L1114" s="25" t="s">
        <v>2935</v>
      </c>
      <c r="M1114" s="17" t="s">
        <v>3958</v>
      </c>
      <c r="N1114" s="16" t="s">
        <v>5527</v>
      </c>
      <c r="O1114" s="19">
        <v>1948</v>
      </c>
      <c r="P1114" s="19">
        <v>1</v>
      </c>
      <c r="Q1114" s="22"/>
      <c r="R1114" s="23">
        <v>43943</v>
      </c>
    </row>
    <row r="1115" spans="1:18" ht="14.25" customHeight="1" x14ac:dyDescent="0.2">
      <c r="A1115" s="15" t="s">
        <v>8629</v>
      </c>
      <c r="B1115" s="10" t="s">
        <v>1815</v>
      </c>
      <c r="C1115" s="16">
        <v>1</v>
      </c>
      <c r="D1115" s="17">
        <v>511</v>
      </c>
      <c r="E1115" s="17">
        <v>1503</v>
      </c>
      <c r="F1115" s="25" t="s">
        <v>1306</v>
      </c>
      <c r="G1115" s="26" t="s">
        <v>7293</v>
      </c>
      <c r="H1115" s="25" t="s">
        <v>1307</v>
      </c>
      <c r="I1115" s="25" t="s">
        <v>5082</v>
      </c>
      <c r="J1115" s="18"/>
      <c r="K1115" s="19"/>
      <c r="L1115" s="25" t="s">
        <v>2936</v>
      </c>
      <c r="M1115" s="17" t="s">
        <v>3959</v>
      </c>
      <c r="N1115" s="16" t="s">
        <v>5528</v>
      </c>
      <c r="O1115" s="19">
        <v>1949</v>
      </c>
      <c r="P1115" s="19">
        <v>1</v>
      </c>
      <c r="Q1115" s="22"/>
      <c r="R1115" s="23">
        <v>43943</v>
      </c>
    </row>
    <row r="1116" spans="1:18" ht="14.25" customHeight="1" x14ac:dyDescent="0.2">
      <c r="A1116" s="15" t="s">
        <v>8630</v>
      </c>
      <c r="B1116" s="10" t="s">
        <v>1815</v>
      </c>
      <c r="C1116" s="16">
        <v>1</v>
      </c>
      <c r="D1116" s="17">
        <v>511</v>
      </c>
      <c r="E1116" s="17">
        <v>1503</v>
      </c>
      <c r="F1116" s="25" t="s">
        <v>1308</v>
      </c>
      <c r="G1116" s="26" t="s">
        <v>7294</v>
      </c>
      <c r="H1116" s="25" t="s">
        <v>1309</v>
      </c>
      <c r="I1116" s="25" t="s">
        <v>5083</v>
      </c>
      <c r="J1116" s="18"/>
      <c r="K1116" s="19"/>
      <c r="L1116" s="25" t="s">
        <v>2937</v>
      </c>
      <c r="M1116" s="17" t="s">
        <v>3960</v>
      </c>
      <c r="N1116" s="16" t="s">
        <v>5529</v>
      </c>
      <c r="O1116" s="19">
        <v>1903</v>
      </c>
      <c r="P1116" s="19">
        <v>1</v>
      </c>
      <c r="Q1116" s="22"/>
      <c r="R1116" s="23">
        <v>43943</v>
      </c>
    </row>
    <row r="1117" spans="1:18" ht="14.25" customHeight="1" x14ac:dyDescent="0.2">
      <c r="A1117" s="15" t="s">
        <v>8631</v>
      </c>
      <c r="B1117" s="10" t="s">
        <v>1815</v>
      </c>
      <c r="C1117" s="16">
        <v>1</v>
      </c>
      <c r="D1117" s="17">
        <v>511</v>
      </c>
      <c r="E1117" s="17">
        <v>1503</v>
      </c>
      <c r="F1117" s="25" t="s">
        <v>1310</v>
      </c>
      <c r="G1117" s="26" t="s">
        <v>7295</v>
      </c>
      <c r="H1117" s="25" t="s">
        <v>1311</v>
      </c>
      <c r="I1117" s="25" t="s">
        <v>5084</v>
      </c>
      <c r="J1117" s="18"/>
      <c r="K1117" s="19"/>
      <c r="L1117" s="25" t="s">
        <v>2938</v>
      </c>
      <c r="M1117" s="17" t="s">
        <v>3961</v>
      </c>
      <c r="N1117" s="16" t="s">
        <v>5530</v>
      </c>
      <c r="O1117" s="19">
        <v>1957</v>
      </c>
      <c r="P1117" s="19">
        <v>1</v>
      </c>
      <c r="Q1117" s="22"/>
      <c r="R1117" s="23">
        <v>43943</v>
      </c>
    </row>
    <row r="1118" spans="1:18" s="29" customFormat="1" ht="14.25" customHeight="1" x14ac:dyDescent="0.2">
      <c r="A1118" s="15" t="s">
        <v>8632</v>
      </c>
      <c r="B1118" s="10" t="s">
        <v>1815</v>
      </c>
      <c r="C1118" s="16">
        <v>1</v>
      </c>
      <c r="D1118" s="17">
        <v>511</v>
      </c>
      <c r="E1118" s="17">
        <v>1503</v>
      </c>
      <c r="F1118" s="25" t="s">
        <v>1312</v>
      </c>
      <c r="G1118" s="26" t="s">
        <v>7296</v>
      </c>
      <c r="H1118" s="25" t="s">
        <v>1313</v>
      </c>
      <c r="I1118" s="25" t="s">
        <v>5085</v>
      </c>
      <c r="J1118" s="18"/>
      <c r="K1118" s="19"/>
      <c r="L1118" s="25" t="s">
        <v>2939</v>
      </c>
      <c r="M1118" s="17" t="s">
        <v>3962</v>
      </c>
      <c r="N1118" s="16" t="s">
        <v>5531</v>
      </c>
      <c r="O1118" s="19">
        <v>1957</v>
      </c>
      <c r="P1118" s="19">
        <v>1</v>
      </c>
      <c r="Q1118" s="22"/>
      <c r="R1118" s="23">
        <v>43943</v>
      </c>
    </row>
    <row r="1119" spans="1:18" ht="14.25" customHeight="1" x14ac:dyDescent="0.2">
      <c r="A1119" s="15" t="s">
        <v>8633</v>
      </c>
      <c r="B1119" s="10" t="s">
        <v>1815</v>
      </c>
      <c r="C1119" s="16">
        <v>1</v>
      </c>
      <c r="D1119" s="17">
        <v>511</v>
      </c>
      <c r="E1119" s="17">
        <v>1503</v>
      </c>
      <c r="F1119" s="25" t="s">
        <v>1314</v>
      </c>
      <c r="G1119" s="26" t="s">
        <v>7297</v>
      </c>
      <c r="H1119" s="25" t="s">
        <v>1315</v>
      </c>
      <c r="I1119" s="25" t="s">
        <v>5086</v>
      </c>
      <c r="J1119" s="18"/>
      <c r="K1119" s="19"/>
      <c r="L1119" s="25" t="s">
        <v>2940</v>
      </c>
      <c r="M1119" s="17" t="s">
        <v>3963</v>
      </c>
      <c r="N1119" s="16" t="s">
        <v>5532</v>
      </c>
      <c r="O1119" s="19">
        <v>1957</v>
      </c>
      <c r="P1119" s="19">
        <v>1</v>
      </c>
      <c r="Q1119" s="22"/>
      <c r="R1119" s="23">
        <v>43943</v>
      </c>
    </row>
    <row r="1120" spans="1:18" s="29" customFormat="1" ht="14.25" customHeight="1" x14ac:dyDescent="0.2">
      <c r="A1120" s="15" t="s">
        <v>8634</v>
      </c>
      <c r="B1120" s="10" t="s">
        <v>1815</v>
      </c>
      <c r="C1120" s="16">
        <v>1</v>
      </c>
      <c r="D1120" s="17">
        <v>511</v>
      </c>
      <c r="E1120" s="17">
        <v>1503</v>
      </c>
      <c r="F1120" s="25" t="s">
        <v>1316</v>
      </c>
      <c r="G1120" s="26" t="s">
        <v>7298</v>
      </c>
      <c r="H1120" s="25" t="s">
        <v>5533</v>
      </c>
      <c r="I1120" s="25" t="s">
        <v>5534</v>
      </c>
      <c r="J1120" s="18"/>
      <c r="K1120" s="19"/>
      <c r="L1120" s="25" t="s">
        <v>2941</v>
      </c>
      <c r="M1120" s="17" t="s">
        <v>3964</v>
      </c>
      <c r="N1120" s="16" t="s">
        <v>5535</v>
      </c>
      <c r="O1120" s="19">
        <v>1899</v>
      </c>
      <c r="P1120" s="19">
        <v>1</v>
      </c>
      <c r="Q1120" s="22"/>
      <c r="R1120" s="23">
        <v>43943</v>
      </c>
    </row>
    <row r="1121" spans="1:18" x14ac:dyDescent="0.2">
      <c r="A1121" s="15" t="s">
        <v>8635</v>
      </c>
      <c r="B1121" s="10" t="s">
        <v>1815</v>
      </c>
      <c r="C1121" s="16">
        <v>1</v>
      </c>
      <c r="D1121" s="17">
        <v>511</v>
      </c>
      <c r="E1121" s="17">
        <v>1503</v>
      </c>
      <c r="F1121" s="25" t="s">
        <v>1317</v>
      </c>
      <c r="G1121" s="26" t="s">
        <v>7299</v>
      </c>
      <c r="H1121" s="25" t="s">
        <v>1318</v>
      </c>
      <c r="I1121" s="25" t="s">
        <v>5087</v>
      </c>
      <c r="J1121" s="18"/>
      <c r="K1121" s="19"/>
      <c r="L1121" s="25" t="s">
        <v>2942</v>
      </c>
      <c r="M1121" s="17" t="s">
        <v>3965</v>
      </c>
      <c r="N1121" s="16" t="s">
        <v>5536</v>
      </c>
      <c r="O1121" s="19">
        <v>1967</v>
      </c>
      <c r="P1121" s="19">
        <v>1</v>
      </c>
      <c r="Q1121" s="22"/>
      <c r="R1121" s="23">
        <v>43943</v>
      </c>
    </row>
    <row r="1122" spans="1:18" x14ac:dyDescent="0.2">
      <c r="A1122" s="15" t="s">
        <v>8636</v>
      </c>
      <c r="B1122" s="10" t="s">
        <v>1815</v>
      </c>
      <c r="C1122" s="16">
        <v>1</v>
      </c>
      <c r="D1122" s="17">
        <v>511</v>
      </c>
      <c r="E1122" s="17">
        <v>1503</v>
      </c>
      <c r="F1122" s="25" t="s">
        <v>1319</v>
      </c>
      <c r="G1122" s="26" t="s">
        <v>7300</v>
      </c>
      <c r="H1122" s="25" t="s">
        <v>9052</v>
      </c>
      <c r="I1122" s="25" t="s">
        <v>5088</v>
      </c>
      <c r="J1122" s="18"/>
      <c r="K1122" s="19"/>
      <c r="L1122" s="25" t="s">
        <v>2943</v>
      </c>
      <c r="M1122" s="17" t="s">
        <v>3966</v>
      </c>
      <c r="N1122" s="16" t="s">
        <v>5537</v>
      </c>
      <c r="O1122" s="19">
        <v>1971</v>
      </c>
      <c r="P1122" s="19">
        <v>1</v>
      </c>
      <c r="Q1122" s="22"/>
      <c r="R1122" s="23">
        <v>43943</v>
      </c>
    </row>
    <row r="1123" spans="1:18" x14ac:dyDescent="0.2">
      <c r="A1123" s="15" t="s">
        <v>8637</v>
      </c>
      <c r="B1123" s="10" t="s">
        <v>1815</v>
      </c>
      <c r="C1123" s="16">
        <v>1</v>
      </c>
      <c r="D1123" s="17">
        <v>511</v>
      </c>
      <c r="E1123" s="17">
        <v>1503</v>
      </c>
      <c r="F1123" s="25" t="s">
        <v>1320</v>
      </c>
      <c r="G1123" s="26" t="s">
        <v>7301</v>
      </c>
      <c r="H1123" s="25" t="s">
        <v>1315</v>
      </c>
      <c r="I1123" s="25" t="s">
        <v>5089</v>
      </c>
      <c r="J1123" s="18"/>
      <c r="K1123" s="19"/>
      <c r="L1123" s="25" t="s">
        <v>2944</v>
      </c>
      <c r="M1123" s="17" t="s">
        <v>3967</v>
      </c>
      <c r="N1123" s="16" t="s">
        <v>5538</v>
      </c>
      <c r="O1123" s="19">
        <v>1972</v>
      </c>
      <c r="P1123" s="19">
        <v>1</v>
      </c>
      <c r="Q1123" s="22"/>
      <c r="R1123" s="23">
        <v>43943</v>
      </c>
    </row>
    <row r="1124" spans="1:18" s="29" customFormat="1" ht="13.5" customHeight="1" x14ac:dyDescent="0.2">
      <c r="A1124" s="15" t="s">
        <v>8638</v>
      </c>
      <c r="B1124" s="10" t="s">
        <v>1815</v>
      </c>
      <c r="C1124" s="16">
        <v>1</v>
      </c>
      <c r="D1124" s="17">
        <v>511</v>
      </c>
      <c r="E1124" s="17">
        <v>1503</v>
      </c>
      <c r="F1124" s="25" t="s">
        <v>1321</v>
      </c>
      <c r="G1124" s="26" t="s">
        <v>7302</v>
      </c>
      <c r="H1124" s="25" t="s">
        <v>1322</v>
      </c>
      <c r="I1124" s="25" t="s">
        <v>5090</v>
      </c>
      <c r="J1124" s="18"/>
      <c r="K1124" s="19"/>
      <c r="L1124" s="25" t="s">
        <v>2945</v>
      </c>
      <c r="M1124" s="17" t="s">
        <v>3968</v>
      </c>
      <c r="N1124" s="16" t="s">
        <v>5539</v>
      </c>
      <c r="O1124" s="19">
        <v>1973</v>
      </c>
      <c r="P1124" s="19">
        <v>1</v>
      </c>
      <c r="Q1124" s="22"/>
      <c r="R1124" s="23">
        <v>43943</v>
      </c>
    </row>
    <row r="1125" spans="1:18" s="57" customFormat="1" ht="14.25" customHeight="1" x14ac:dyDescent="0.2">
      <c r="A1125" s="15" t="s">
        <v>8639</v>
      </c>
      <c r="B1125" s="10" t="s">
        <v>1815</v>
      </c>
      <c r="C1125" s="16">
        <v>1</v>
      </c>
      <c r="D1125" s="17">
        <v>511</v>
      </c>
      <c r="E1125" s="17">
        <v>1503</v>
      </c>
      <c r="F1125" s="25" t="s">
        <v>1323</v>
      </c>
      <c r="G1125" s="26" t="s">
        <v>7303</v>
      </c>
      <c r="H1125" s="25" t="s">
        <v>1324</v>
      </c>
      <c r="I1125" s="25" t="s">
        <v>5091</v>
      </c>
      <c r="J1125" s="18"/>
      <c r="K1125" s="19"/>
      <c r="L1125" s="25" t="s">
        <v>2946</v>
      </c>
      <c r="M1125" s="17" t="s">
        <v>3969</v>
      </c>
      <c r="N1125" s="16" t="s">
        <v>5540</v>
      </c>
      <c r="O1125" s="19">
        <v>1974</v>
      </c>
      <c r="P1125" s="19">
        <v>1</v>
      </c>
      <c r="Q1125" s="22"/>
      <c r="R1125" s="23">
        <v>43943</v>
      </c>
    </row>
    <row r="1126" spans="1:18" s="57" customFormat="1" ht="14.25" customHeight="1" x14ac:dyDescent="0.2">
      <c r="A1126" s="15" t="s">
        <v>8640</v>
      </c>
      <c r="B1126" s="10" t="s">
        <v>1815</v>
      </c>
      <c r="C1126" s="16">
        <v>1</v>
      </c>
      <c r="D1126" s="17">
        <v>511</v>
      </c>
      <c r="E1126" s="17">
        <v>1503</v>
      </c>
      <c r="F1126" s="25" t="s">
        <v>1325</v>
      </c>
      <c r="G1126" s="26" t="s">
        <v>7304</v>
      </c>
      <c r="H1126" s="25" t="s">
        <v>1326</v>
      </c>
      <c r="I1126" s="25" t="s">
        <v>5092</v>
      </c>
      <c r="J1126" s="18"/>
      <c r="K1126" s="19"/>
      <c r="L1126" s="25" t="s">
        <v>2947</v>
      </c>
      <c r="M1126" s="17" t="s">
        <v>3970</v>
      </c>
      <c r="N1126" s="16" t="s">
        <v>5541</v>
      </c>
      <c r="O1126" s="19">
        <v>1975</v>
      </c>
      <c r="P1126" s="19">
        <v>1</v>
      </c>
      <c r="Q1126" s="22"/>
      <c r="R1126" s="23">
        <v>43943</v>
      </c>
    </row>
    <row r="1127" spans="1:18" s="57" customFormat="1" ht="14.25" customHeight="1" x14ac:dyDescent="0.2">
      <c r="A1127" s="15" t="s">
        <v>8641</v>
      </c>
      <c r="B1127" s="10" t="s">
        <v>1815</v>
      </c>
      <c r="C1127" s="16">
        <v>1</v>
      </c>
      <c r="D1127" s="17">
        <v>511</v>
      </c>
      <c r="E1127" s="17">
        <v>1503</v>
      </c>
      <c r="F1127" s="25" t="s">
        <v>1327</v>
      </c>
      <c r="G1127" s="26" t="s">
        <v>7305</v>
      </c>
      <c r="H1127" s="25" t="s">
        <v>1328</v>
      </c>
      <c r="I1127" s="25" t="s">
        <v>5093</v>
      </c>
      <c r="J1127" s="18"/>
      <c r="K1127" s="19"/>
      <c r="L1127" s="25" t="s">
        <v>2948</v>
      </c>
      <c r="M1127" s="17" t="s">
        <v>3971</v>
      </c>
      <c r="N1127" s="16" t="s">
        <v>5542</v>
      </c>
      <c r="O1127" s="19">
        <v>1976</v>
      </c>
      <c r="P1127" s="19">
        <v>1</v>
      </c>
      <c r="Q1127" s="22"/>
      <c r="R1127" s="23">
        <v>43943</v>
      </c>
    </row>
    <row r="1128" spans="1:18" s="57" customFormat="1" ht="14.25" customHeight="1" x14ac:dyDescent="0.2">
      <c r="A1128" s="15" t="s">
        <v>8642</v>
      </c>
      <c r="B1128" s="10" t="s">
        <v>1815</v>
      </c>
      <c r="C1128" s="16">
        <v>1</v>
      </c>
      <c r="D1128" s="17">
        <v>511</v>
      </c>
      <c r="E1128" s="17">
        <v>1503</v>
      </c>
      <c r="F1128" s="25" t="s">
        <v>1329</v>
      </c>
      <c r="G1128" s="26" t="s">
        <v>7306</v>
      </c>
      <c r="H1128" s="25" t="s">
        <v>1326</v>
      </c>
      <c r="I1128" s="25" t="s">
        <v>5094</v>
      </c>
      <c r="J1128" s="18"/>
      <c r="K1128" s="19"/>
      <c r="L1128" s="25" t="s">
        <v>2949</v>
      </c>
      <c r="M1128" s="17" t="s">
        <v>3972</v>
      </c>
      <c r="N1128" s="16" t="s">
        <v>5543</v>
      </c>
      <c r="O1128" s="19">
        <v>1978</v>
      </c>
      <c r="P1128" s="19">
        <v>1</v>
      </c>
      <c r="Q1128" s="22"/>
      <c r="R1128" s="23">
        <v>43943</v>
      </c>
    </row>
    <row r="1129" spans="1:18" s="57" customFormat="1" ht="14.25" customHeight="1" x14ac:dyDescent="0.2">
      <c r="A1129" s="15" t="s">
        <v>8643</v>
      </c>
      <c r="B1129" s="10" t="s">
        <v>1815</v>
      </c>
      <c r="C1129" s="16">
        <v>1</v>
      </c>
      <c r="D1129" s="17">
        <v>511</v>
      </c>
      <c r="E1129" s="17">
        <v>1503</v>
      </c>
      <c r="F1129" s="25" t="s">
        <v>1330</v>
      </c>
      <c r="G1129" s="26" t="s">
        <v>7307</v>
      </c>
      <c r="H1129" s="25" t="s">
        <v>1331</v>
      </c>
      <c r="I1129" s="25" t="s">
        <v>5095</v>
      </c>
      <c r="J1129" s="18"/>
      <c r="K1129" s="19"/>
      <c r="L1129" s="25" t="s">
        <v>2950</v>
      </c>
      <c r="M1129" s="17" t="s">
        <v>3973</v>
      </c>
      <c r="N1129" s="16" t="s">
        <v>5544</v>
      </c>
      <c r="O1129" s="19">
        <v>1979</v>
      </c>
      <c r="P1129" s="19">
        <v>1</v>
      </c>
      <c r="Q1129" s="22"/>
      <c r="R1129" s="23">
        <v>43943</v>
      </c>
    </row>
    <row r="1130" spans="1:18" s="57" customFormat="1" ht="14.25" customHeight="1" x14ac:dyDescent="0.2">
      <c r="A1130" s="15" t="s">
        <v>8644</v>
      </c>
      <c r="B1130" s="10" t="s">
        <v>1815</v>
      </c>
      <c r="C1130" s="16">
        <v>1</v>
      </c>
      <c r="D1130" s="17">
        <v>511</v>
      </c>
      <c r="E1130" s="17">
        <v>1503</v>
      </c>
      <c r="F1130" s="25" t="s">
        <v>1332</v>
      </c>
      <c r="G1130" s="26" t="s">
        <v>7308</v>
      </c>
      <c r="H1130" s="25" t="s">
        <v>1333</v>
      </c>
      <c r="I1130" s="25" t="s">
        <v>5096</v>
      </c>
      <c r="J1130" s="18"/>
      <c r="K1130" s="19"/>
      <c r="L1130" s="25" t="s">
        <v>2951</v>
      </c>
      <c r="M1130" s="17" t="s">
        <v>3974</v>
      </c>
      <c r="N1130" s="16" t="s">
        <v>5545</v>
      </c>
      <c r="O1130" s="19">
        <v>1980</v>
      </c>
      <c r="P1130" s="19">
        <v>1</v>
      </c>
      <c r="Q1130" s="22"/>
      <c r="R1130" s="23">
        <v>43943</v>
      </c>
    </row>
    <row r="1131" spans="1:18" s="58" customFormat="1" ht="14.25" customHeight="1" x14ac:dyDescent="0.2">
      <c r="A1131" s="15" t="s">
        <v>8645</v>
      </c>
      <c r="B1131" s="10" t="s">
        <v>1815</v>
      </c>
      <c r="C1131" s="16">
        <v>1</v>
      </c>
      <c r="D1131" s="17">
        <v>511</v>
      </c>
      <c r="E1131" s="17">
        <v>1503</v>
      </c>
      <c r="F1131" s="25" t="s">
        <v>1334</v>
      </c>
      <c r="G1131" s="26" t="s">
        <v>7309</v>
      </c>
      <c r="H1131" s="25" t="s">
        <v>5546</v>
      </c>
      <c r="I1131" s="25" t="s">
        <v>5547</v>
      </c>
      <c r="J1131" s="18"/>
      <c r="K1131" s="19"/>
      <c r="L1131" s="25" t="s">
        <v>2952</v>
      </c>
      <c r="M1131" s="17" t="s">
        <v>3975</v>
      </c>
      <c r="N1131" s="16" t="s">
        <v>5548</v>
      </c>
      <c r="O1131" s="19">
        <v>1982</v>
      </c>
      <c r="P1131" s="19">
        <v>1</v>
      </c>
      <c r="Q1131" s="22"/>
      <c r="R1131" s="23">
        <v>43943</v>
      </c>
    </row>
    <row r="1132" spans="1:18" s="58" customFormat="1" ht="14.25" customHeight="1" x14ac:dyDescent="0.2">
      <c r="A1132" s="15" t="s">
        <v>8646</v>
      </c>
      <c r="B1132" s="10" t="s">
        <v>1815</v>
      </c>
      <c r="C1132" s="16">
        <v>1</v>
      </c>
      <c r="D1132" s="17">
        <v>511</v>
      </c>
      <c r="E1132" s="17">
        <v>1503</v>
      </c>
      <c r="F1132" s="25" t="s">
        <v>1335</v>
      </c>
      <c r="G1132" s="26" t="s">
        <v>7310</v>
      </c>
      <c r="H1132" s="25" t="s">
        <v>1336</v>
      </c>
      <c r="I1132" s="25" t="s">
        <v>5097</v>
      </c>
      <c r="J1132" s="18"/>
      <c r="K1132" s="19"/>
      <c r="L1132" s="25" t="s">
        <v>2953</v>
      </c>
      <c r="M1132" s="17" t="s">
        <v>3976</v>
      </c>
      <c r="N1132" s="16" t="s">
        <v>5549</v>
      </c>
      <c r="O1132" s="19">
        <v>1984</v>
      </c>
      <c r="P1132" s="19">
        <v>1</v>
      </c>
      <c r="Q1132" s="22"/>
      <c r="R1132" s="23">
        <v>43943</v>
      </c>
    </row>
    <row r="1133" spans="1:18" s="58" customFormat="1" ht="14.25" customHeight="1" x14ac:dyDescent="0.2">
      <c r="A1133" s="15" t="s">
        <v>8647</v>
      </c>
      <c r="B1133" s="10" t="s">
        <v>1815</v>
      </c>
      <c r="C1133" s="16">
        <v>2</v>
      </c>
      <c r="D1133" s="16">
        <v>512</v>
      </c>
      <c r="E1133" s="16">
        <v>1504</v>
      </c>
      <c r="F1133" s="31" t="s">
        <v>5550</v>
      </c>
      <c r="G1133" s="32" t="s">
        <v>7311</v>
      </c>
      <c r="H1133" s="31" t="s">
        <v>1309</v>
      </c>
      <c r="I1133" s="31" t="s">
        <v>5098</v>
      </c>
      <c r="J1133" s="19"/>
      <c r="K1133" s="19"/>
      <c r="L1133" s="31" t="s">
        <v>2954</v>
      </c>
      <c r="M1133" s="31" t="s">
        <v>3977</v>
      </c>
      <c r="N1133" s="16" t="s">
        <v>5551</v>
      </c>
      <c r="O1133" s="19">
        <v>1947</v>
      </c>
      <c r="P1133" s="19">
        <v>1</v>
      </c>
      <c r="Q1133" s="22"/>
      <c r="R1133" s="23">
        <v>43943</v>
      </c>
    </row>
    <row r="1134" spans="1:18" ht="14.25" customHeight="1" x14ac:dyDescent="0.2">
      <c r="A1134" s="15" t="s">
        <v>8648</v>
      </c>
      <c r="B1134" s="10" t="s">
        <v>1815</v>
      </c>
      <c r="C1134" s="16">
        <v>2</v>
      </c>
      <c r="D1134" s="16">
        <v>512</v>
      </c>
      <c r="E1134" s="16">
        <v>1504</v>
      </c>
      <c r="F1134" s="31" t="s">
        <v>9205</v>
      </c>
      <c r="G1134" s="32" t="s">
        <v>7312</v>
      </c>
      <c r="H1134" s="31" t="s">
        <v>1769</v>
      </c>
      <c r="I1134" s="31" t="s">
        <v>5099</v>
      </c>
      <c r="J1134" s="19"/>
      <c r="K1134" s="19"/>
      <c r="L1134" s="31" t="s">
        <v>2955</v>
      </c>
      <c r="M1134" s="31" t="s">
        <v>3978</v>
      </c>
      <c r="N1134" s="16" t="s">
        <v>5552</v>
      </c>
      <c r="O1134" s="19">
        <v>1960</v>
      </c>
      <c r="P1134" s="19">
        <v>1</v>
      </c>
      <c r="Q1134" s="22"/>
      <c r="R1134" s="23">
        <v>43943</v>
      </c>
    </row>
    <row r="1135" spans="1:18" ht="14.25" customHeight="1" x14ac:dyDescent="0.2">
      <c r="A1135" s="15" t="s">
        <v>8649</v>
      </c>
      <c r="B1135" s="10" t="s">
        <v>1815</v>
      </c>
      <c r="C1135" s="16">
        <v>2</v>
      </c>
      <c r="D1135" s="16">
        <v>512</v>
      </c>
      <c r="E1135" s="16">
        <v>1504</v>
      </c>
      <c r="F1135" s="31" t="s">
        <v>9206</v>
      </c>
      <c r="G1135" s="32" t="s">
        <v>7313</v>
      </c>
      <c r="H1135" s="31" t="s">
        <v>9207</v>
      </c>
      <c r="I1135" s="31" t="s">
        <v>5100</v>
      </c>
      <c r="J1135" s="19"/>
      <c r="K1135" s="19"/>
      <c r="L1135" s="31" t="s">
        <v>2956</v>
      </c>
      <c r="M1135" s="31" t="s">
        <v>3979</v>
      </c>
      <c r="N1135" s="16" t="s">
        <v>5553</v>
      </c>
      <c r="O1135" s="19">
        <v>1947</v>
      </c>
      <c r="P1135" s="19">
        <v>1</v>
      </c>
      <c r="Q1135" s="22"/>
      <c r="R1135" s="23">
        <v>43943</v>
      </c>
    </row>
    <row r="1136" spans="1:18" s="29" customFormat="1" ht="14.25" customHeight="1" x14ac:dyDescent="0.2">
      <c r="A1136" s="15" t="s">
        <v>8650</v>
      </c>
      <c r="B1136" s="10" t="s">
        <v>1815</v>
      </c>
      <c r="C1136" s="16">
        <v>2</v>
      </c>
      <c r="D1136" s="16">
        <v>512</v>
      </c>
      <c r="E1136" s="16">
        <v>1504</v>
      </c>
      <c r="F1136" s="31" t="s">
        <v>9208</v>
      </c>
      <c r="G1136" s="32" t="s">
        <v>7314</v>
      </c>
      <c r="H1136" s="31" t="s">
        <v>1770</v>
      </c>
      <c r="I1136" s="31" t="s">
        <v>5101</v>
      </c>
      <c r="J1136" s="19"/>
      <c r="K1136" s="19"/>
      <c r="L1136" s="31" t="s">
        <v>2957</v>
      </c>
      <c r="M1136" s="31" t="s">
        <v>3980</v>
      </c>
      <c r="N1136" s="16" t="s">
        <v>5554</v>
      </c>
      <c r="O1136" s="19">
        <v>1971</v>
      </c>
      <c r="P1136" s="19">
        <v>1</v>
      </c>
      <c r="Q1136" s="22"/>
      <c r="R1136" s="23">
        <v>43943</v>
      </c>
    </row>
    <row r="1137" spans="1:20" s="29" customFormat="1" ht="14.25" customHeight="1" x14ac:dyDescent="0.2">
      <c r="A1137" s="15" t="s">
        <v>8651</v>
      </c>
      <c r="B1137" s="59" t="s">
        <v>1815</v>
      </c>
      <c r="C1137" s="60">
        <v>2</v>
      </c>
      <c r="D1137" s="60">
        <v>512</v>
      </c>
      <c r="E1137" s="60">
        <v>1504</v>
      </c>
      <c r="F1137" s="61" t="s">
        <v>5555</v>
      </c>
      <c r="G1137" s="62" t="s">
        <v>7315</v>
      </c>
      <c r="H1137" s="61" t="s">
        <v>1305</v>
      </c>
      <c r="I1137" s="61" t="s">
        <v>5102</v>
      </c>
      <c r="J1137" s="63"/>
      <c r="K1137" s="63"/>
      <c r="L1137" s="61" t="s">
        <v>2958</v>
      </c>
      <c r="M1137" s="61" t="s">
        <v>3981</v>
      </c>
      <c r="N1137" s="60" t="s">
        <v>5556</v>
      </c>
      <c r="O1137" s="63">
        <v>1975</v>
      </c>
      <c r="P1137" s="63">
        <v>1</v>
      </c>
      <c r="Q1137" s="64"/>
      <c r="R1137" s="23">
        <v>43943</v>
      </c>
    </row>
    <row r="1138" spans="1:20" x14ac:dyDescent="0.2">
      <c r="A1138" s="15" t="s">
        <v>8652</v>
      </c>
      <c r="B1138" s="10" t="s">
        <v>1815</v>
      </c>
      <c r="C1138" s="16">
        <v>2</v>
      </c>
      <c r="D1138" s="16">
        <v>512</v>
      </c>
      <c r="E1138" s="16">
        <v>1504</v>
      </c>
      <c r="F1138" s="31" t="s">
        <v>5557</v>
      </c>
      <c r="G1138" s="32" t="s">
        <v>7316</v>
      </c>
      <c r="H1138" s="31" t="s">
        <v>1322</v>
      </c>
      <c r="I1138" s="31" t="s">
        <v>5103</v>
      </c>
      <c r="J1138" s="19"/>
      <c r="K1138" s="19"/>
      <c r="L1138" s="31" t="s">
        <v>2959</v>
      </c>
      <c r="M1138" s="31" t="s">
        <v>3982</v>
      </c>
      <c r="N1138" s="16" t="s">
        <v>5558</v>
      </c>
      <c r="O1138" s="19">
        <v>1976</v>
      </c>
      <c r="P1138" s="19">
        <v>1</v>
      </c>
      <c r="Q1138" s="22"/>
      <c r="R1138" s="23">
        <v>43943</v>
      </c>
      <c r="S1138" s="29"/>
      <c r="T1138" s="29"/>
    </row>
    <row r="1139" spans="1:20" ht="14.4" customHeight="1" x14ac:dyDescent="0.2">
      <c r="A1139" s="15" t="s">
        <v>8653</v>
      </c>
      <c r="B1139" s="10" t="s">
        <v>1815</v>
      </c>
      <c r="C1139" s="16">
        <v>2</v>
      </c>
      <c r="D1139" s="16">
        <v>512</v>
      </c>
      <c r="E1139" s="16">
        <v>1504</v>
      </c>
      <c r="F1139" s="31" t="s">
        <v>5559</v>
      </c>
      <c r="G1139" s="32" t="s">
        <v>7317</v>
      </c>
      <c r="H1139" s="31" t="s">
        <v>1315</v>
      </c>
      <c r="I1139" s="31" t="s">
        <v>5104</v>
      </c>
      <c r="J1139" s="19"/>
      <c r="K1139" s="19"/>
      <c r="L1139" s="31" t="s">
        <v>2960</v>
      </c>
      <c r="M1139" s="31" t="s">
        <v>3983</v>
      </c>
      <c r="N1139" s="16" t="s">
        <v>5560</v>
      </c>
      <c r="O1139" s="19">
        <v>1980</v>
      </c>
      <c r="P1139" s="19">
        <v>1</v>
      </c>
      <c r="Q1139" s="22"/>
      <c r="R1139" s="23">
        <v>43943</v>
      </c>
      <c r="S1139" s="29"/>
      <c r="T1139" s="29"/>
    </row>
    <row r="1140" spans="1:20" ht="14.4" customHeight="1" x14ac:dyDescent="0.2">
      <c r="A1140" s="15" t="s">
        <v>8654</v>
      </c>
      <c r="B1140" s="10" t="s">
        <v>1815</v>
      </c>
      <c r="C1140" s="16">
        <v>2</v>
      </c>
      <c r="D1140" s="16">
        <v>512</v>
      </c>
      <c r="E1140" s="16">
        <v>1504</v>
      </c>
      <c r="F1140" s="31" t="s">
        <v>9209</v>
      </c>
      <c r="G1140" s="32" t="s">
        <v>7318</v>
      </c>
      <c r="H1140" s="31" t="s">
        <v>1324</v>
      </c>
      <c r="I1140" s="31" t="s">
        <v>5105</v>
      </c>
      <c r="J1140" s="19"/>
      <c r="K1140" s="19"/>
      <c r="L1140" s="31" t="s">
        <v>2961</v>
      </c>
      <c r="M1140" s="31" t="s">
        <v>3984</v>
      </c>
      <c r="N1140" s="16" t="s">
        <v>5561</v>
      </c>
      <c r="O1140" s="19">
        <v>1981</v>
      </c>
      <c r="P1140" s="19">
        <v>1</v>
      </c>
      <c r="Q1140" s="22"/>
      <c r="R1140" s="23">
        <v>43943</v>
      </c>
      <c r="S1140" s="29"/>
      <c r="T1140" s="29"/>
    </row>
    <row r="1141" spans="1:20" ht="14.4" customHeight="1" x14ac:dyDescent="0.2">
      <c r="A1141" s="15" t="s">
        <v>8655</v>
      </c>
      <c r="B1141" s="10" t="s">
        <v>1815</v>
      </c>
      <c r="C1141" s="16">
        <v>2</v>
      </c>
      <c r="D1141" s="16">
        <v>512</v>
      </c>
      <c r="E1141" s="16">
        <v>1504</v>
      </c>
      <c r="F1141" s="31" t="s">
        <v>1771</v>
      </c>
      <c r="G1141" s="32" t="s">
        <v>7319</v>
      </c>
      <c r="H1141" s="31" t="s">
        <v>1326</v>
      </c>
      <c r="I1141" s="31" t="s">
        <v>5106</v>
      </c>
      <c r="J1141" s="19"/>
      <c r="K1141" s="19"/>
      <c r="L1141" s="31" t="s">
        <v>2962</v>
      </c>
      <c r="M1141" s="31" t="s">
        <v>3985</v>
      </c>
      <c r="N1141" s="16" t="s">
        <v>5562</v>
      </c>
      <c r="O1141" s="19">
        <v>1983</v>
      </c>
      <c r="P1141" s="19">
        <v>1</v>
      </c>
      <c r="Q1141" s="22"/>
      <c r="R1141" s="23">
        <v>43943</v>
      </c>
      <c r="S1141" s="29"/>
      <c r="T1141" s="29"/>
    </row>
    <row r="1142" spans="1:20" ht="14.4" customHeight="1" x14ac:dyDescent="0.2">
      <c r="A1142" s="15" t="s">
        <v>9007</v>
      </c>
      <c r="B1142" s="10" t="s">
        <v>1816</v>
      </c>
      <c r="C1142" s="16">
        <v>1</v>
      </c>
      <c r="D1142" s="17">
        <v>511</v>
      </c>
      <c r="E1142" s="17">
        <v>1503</v>
      </c>
      <c r="F1142" s="25" t="s">
        <v>1337</v>
      </c>
      <c r="G1142" s="26" t="s">
        <v>7320</v>
      </c>
      <c r="H1142" s="25" t="s">
        <v>1338</v>
      </c>
      <c r="I1142" s="25" t="s">
        <v>5107</v>
      </c>
      <c r="J1142" s="18">
        <v>35.39853798</v>
      </c>
      <c r="K1142" s="19">
        <v>139.31118230000001</v>
      </c>
      <c r="L1142" s="25" t="s">
        <v>2963</v>
      </c>
      <c r="M1142" s="17" t="s">
        <v>3986</v>
      </c>
      <c r="N1142" s="16" t="s">
        <v>10586</v>
      </c>
      <c r="O1142" s="19">
        <v>1873</v>
      </c>
      <c r="P1142" s="19">
        <v>1</v>
      </c>
      <c r="Q1142" s="22"/>
      <c r="R1142" s="23">
        <v>45065</v>
      </c>
      <c r="S1142" s="29"/>
      <c r="T1142" s="29"/>
    </row>
    <row r="1143" spans="1:20" ht="14.4" customHeight="1" x14ac:dyDescent="0.2">
      <c r="A1143" s="15" t="s">
        <v>9104</v>
      </c>
      <c r="B1143" s="10" t="s">
        <v>1816</v>
      </c>
      <c r="C1143" s="16">
        <v>1</v>
      </c>
      <c r="D1143" s="17">
        <v>511</v>
      </c>
      <c r="E1143" s="17">
        <v>1503</v>
      </c>
      <c r="F1143" s="25" t="s">
        <v>1339</v>
      </c>
      <c r="G1143" s="26" t="s">
        <v>7321</v>
      </c>
      <c r="H1143" s="25" t="s">
        <v>1340</v>
      </c>
      <c r="I1143" s="25" t="s">
        <v>5108</v>
      </c>
      <c r="J1143" s="18">
        <v>35.419255389999996</v>
      </c>
      <c r="K1143" s="19">
        <v>139.26174839999999</v>
      </c>
      <c r="L1143" s="25" t="s">
        <v>2964</v>
      </c>
      <c r="M1143" s="17" t="s">
        <v>3987</v>
      </c>
      <c r="N1143" s="16" t="s">
        <v>10587</v>
      </c>
      <c r="O1143" s="19">
        <v>1873</v>
      </c>
      <c r="P1143" s="19">
        <v>1</v>
      </c>
      <c r="Q1143" s="22"/>
      <c r="R1143" s="23">
        <v>45065</v>
      </c>
      <c r="S1143" s="29"/>
      <c r="T1143" s="29"/>
    </row>
    <row r="1144" spans="1:20" ht="14.4" customHeight="1" x14ac:dyDescent="0.2">
      <c r="A1144" s="15" t="s">
        <v>9008</v>
      </c>
      <c r="B1144" s="10" t="s">
        <v>1816</v>
      </c>
      <c r="C1144" s="16">
        <v>1</v>
      </c>
      <c r="D1144" s="17">
        <v>511</v>
      </c>
      <c r="E1144" s="17">
        <v>1503</v>
      </c>
      <c r="F1144" s="25" t="s">
        <v>1341</v>
      </c>
      <c r="G1144" s="26" t="s">
        <v>7322</v>
      </c>
      <c r="H1144" s="25" t="s">
        <v>1342</v>
      </c>
      <c r="I1144" s="25" t="s">
        <v>5109</v>
      </c>
      <c r="J1144" s="18">
        <v>35.422788650000001</v>
      </c>
      <c r="K1144" s="19">
        <v>139.29548639999999</v>
      </c>
      <c r="L1144" s="25" t="s">
        <v>2965</v>
      </c>
      <c r="M1144" s="17" t="s">
        <v>3988</v>
      </c>
      <c r="N1144" s="16" t="s">
        <v>10588</v>
      </c>
      <c r="O1144" s="19">
        <v>1902</v>
      </c>
      <c r="P1144" s="19">
        <v>1</v>
      </c>
      <c r="Q1144" s="22"/>
      <c r="R1144" s="23">
        <v>45065</v>
      </c>
      <c r="S1144" s="29"/>
      <c r="T1144" s="29"/>
    </row>
    <row r="1145" spans="1:20" ht="14.4" customHeight="1" x14ac:dyDescent="0.2">
      <c r="A1145" s="15" t="s">
        <v>9940</v>
      </c>
      <c r="B1145" s="10" t="s">
        <v>1816</v>
      </c>
      <c r="C1145" s="16">
        <v>1</v>
      </c>
      <c r="D1145" s="17">
        <v>511</v>
      </c>
      <c r="E1145" s="17">
        <v>1503</v>
      </c>
      <c r="F1145" s="25" t="s">
        <v>1343</v>
      </c>
      <c r="G1145" s="26" t="s">
        <v>7323</v>
      </c>
      <c r="H1145" s="25" t="s">
        <v>1344</v>
      </c>
      <c r="I1145" s="25" t="s">
        <v>5110</v>
      </c>
      <c r="J1145" s="18">
        <v>35.396475670000001</v>
      </c>
      <c r="K1145" s="19">
        <v>139.2886637</v>
      </c>
      <c r="L1145" s="25" t="s">
        <v>2966</v>
      </c>
      <c r="M1145" s="17" t="s">
        <v>3989</v>
      </c>
      <c r="N1145" s="16" t="s">
        <v>10589</v>
      </c>
      <c r="O1145" s="19">
        <v>1873</v>
      </c>
      <c r="P1145" s="19">
        <v>1</v>
      </c>
      <c r="Q1145" s="22"/>
      <c r="R1145" s="23">
        <v>45065</v>
      </c>
      <c r="S1145" s="29"/>
      <c r="T1145" s="29"/>
    </row>
    <row r="1146" spans="1:20" ht="14.4" customHeight="1" x14ac:dyDescent="0.2">
      <c r="A1146" s="15" t="s">
        <v>9011</v>
      </c>
      <c r="B1146" s="10" t="s">
        <v>1816</v>
      </c>
      <c r="C1146" s="16">
        <v>1</v>
      </c>
      <c r="D1146" s="17">
        <v>511</v>
      </c>
      <c r="E1146" s="17">
        <v>1503</v>
      </c>
      <c r="F1146" s="25" t="s">
        <v>1345</v>
      </c>
      <c r="G1146" s="26" t="s">
        <v>7324</v>
      </c>
      <c r="H1146" s="25" t="s">
        <v>1346</v>
      </c>
      <c r="I1146" s="25" t="s">
        <v>5111</v>
      </c>
      <c r="J1146" s="18">
        <v>35.409517600000001</v>
      </c>
      <c r="K1146" s="19">
        <v>139.32953230000001</v>
      </c>
      <c r="L1146" s="25" t="s">
        <v>2967</v>
      </c>
      <c r="M1146" s="17" t="s">
        <v>3990</v>
      </c>
      <c r="N1146" s="16" t="s">
        <v>10590</v>
      </c>
      <c r="O1146" s="19">
        <v>1879</v>
      </c>
      <c r="P1146" s="19">
        <v>1</v>
      </c>
      <c r="Q1146" s="22" t="s">
        <v>10000</v>
      </c>
      <c r="R1146" s="23">
        <v>45065</v>
      </c>
      <c r="S1146" s="29"/>
      <c r="T1146" s="29"/>
    </row>
    <row r="1147" spans="1:20" ht="14.4" customHeight="1" x14ac:dyDescent="0.2">
      <c r="A1147" s="15" t="s">
        <v>9013</v>
      </c>
      <c r="B1147" s="10" t="s">
        <v>1816</v>
      </c>
      <c r="C1147" s="16">
        <v>1</v>
      </c>
      <c r="D1147" s="17">
        <v>511</v>
      </c>
      <c r="E1147" s="17">
        <v>1503</v>
      </c>
      <c r="F1147" s="25" t="s">
        <v>1347</v>
      </c>
      <c r="G1147" s="26" t="s">
        <v>7325</v>
      </c>
      <c r="H1147" s="25" t="s">
        <v>1348</v>
      </c>
      <c r="I1147" s="25" t="s">
        <v>5112</v>
      </c>
      <c r="J1147" s="18">
        <v>35.391260189999997</v>
      </c>
      <c r="K1147" s="19">
        <v>139.33704599999999</v>
      </c>
      <c r="L1147" s="25" t="s">
        <v>2968</v>
      </c>
      <c r="M1147" s="17" t="s">
        <v>3991</v>
      </c>
      <c r="N1147" s="20" t="s">
        <v>10591</v>
      </c>
      <c r="O1147" s="19">
        <v>1872</v>
      </c>
      <c r="P1147" s="19">
        <v>1</v>
      </c>
      <c r="Q1147" s="22"/>
      <c r="R1147" s="23">
        <v>45065</v>
      </c>
      <c r="S1147" s="29"/>
      <c r="T1147" s="29"/>
    </row>
    <row r="1148" spans="1:20" ht="14.4" customHeight="1" x14ac:dyDescent="0.2">
      <c r="A1148" s="15" t="s">
        <v>9009</v>
      </c>
      <c r="B1148" s="10" t="s">
        <v>1816</v>
      </c>
      <c r="C1148" s="16">
        <v>1</v>
      </c>
      <c r="D1148" s="17">
        <v>511</v>
      </c>
      <c r="E1148" s="17">
        <v>1503</v>
      </c>
      <c r="F1148" s="25" t="s">
        <v>1349</v>
      </c>
      <c r="G1148" s="26" t="s">
        <v>7326</v>
      </c>
      <c r="H1148" s="25" t="s">
        <v>1350</v>
      </c>
      <c r="I1148" s="25" t="s">
        <v>5113</v>
      </c>
      <c r="J1148" s="18">
        <v>35.389159589999998</v>
      </c>
      <c r="K1148" s="19">
        <v>139.31650619999999</v>
      </c>
      <c r="L1148" s="25" t="s">
        <v>2969</v>
      </c>
      <c r="M1148" s="17" t="s">
        <v>3992</v>
      </c>
      <c r="N1148" s="16" t="s">
        <v>10592</v>
      </c>
      <c r="O1148" s="19">
        <v>1969</v>
      </c>
      <c r="P1148" s="19">
        <v>1</v>
      </c>
      <c r="Q1148" s="22"/>
      <c r="R1148" s="23">
        <v>45065</v>
      </c>
      <c r="S1148" s="29"/>
      <c r="T1148" s="29"/>
    </row>
    <row r="1149" spans="1:20" ht="14.4" customHeight="1" x14ac:dyDescent="0.2">
      <c r="A1149" s="15" t="s">
        <v>9016</v>
      </c>
      <c r="B1149" s="10" t="s">
        <v>1816</v>
      </c>
      <c r="C1149" s="16">
        <v>1</v>
      </c>
      <c r="D1149" s="17">
        <v>511</v>
      </c>
      <c r="E1149" s="17">
        <v>1503</v>
      </c>
      <c r="F1149" s="25" t="s">
        <v>1351</v>
      </c>
      <c r="G1149" s="26" t="s">
        <v>7327</v>
      </c>
      <c r="H1149" s="25" t="s">
        <v>1346</v>
      </c>
      <c r="I1149" s="25" t="s">
        <v>5114</v>
      </c>
      <c r="J1149" s="18">
        <v>35.421192130000001</v>
      </c>
      <c r="K1149" s="19">
        <v>139.32685050000001</v>
      </c>
      <c r="L1149" s="25" t="s">
        <v>2970</v>
      </c>
      <c r="M1149" s="17" t="s">
        <v>3993</v>
      </c>
      <c r="N1149" s="20" t="s">
        <v>10593</v>
      </c>
      <c r="O1149" s="19">
        <v>1978</v>
      </c>
      <c r="P1149" s="19">
        <v>1</v>
      </c>
      <c r="Q1149" s="22"/>
      <c r="R1149" s="23">
        <v>45065</v>
      </c>
      <c r="S1149" s="29"/>
      <c r="T1149" s="29"/>
    </row>
    <row r="1150" spans="1:20" ht="14.4" customHeight="1" x14ac:dyDescent="0.2">
      <c r="A1150" s="15" t="s">
        <v>9014</v>
      </c>
      <c r="B1150" s="10" t="s">
        <v>1816</v>
      </c>
      <c r="C1150" s="16">
        <v>1</v>
      </c>
      <c r="D1150" s="17">
        <v>511</v>
      </c>
      <c r="E1150" s="17">
        <v>1503</v>
      </c>
      <c r="F1150" s="25" t="s">
        <v>1352</v>
      </c>
      <c r="G1150" s="26" t="s">
        <v>7328</v>
      </c>
      <c r="H1150" s="25" t="s">
        <v>1353</v>
      </c>
      <c r="I1150" s="25" t="s">
        <v>5115</v>
      </c>
      <c r="J1150" s="18">
        <v>35.385432289999997</v>
      </c>
      <c r="K1150" s="19">
        <v>139.30414780000001</v>
      </c>
      <c r="L1150" s="25" t="s">
        <v>2971</v>
      </c>
      <c r="M1150" s="17" t="s">
        <v>3994</v>
      </c>
      <c r="N1150" s="16" t="s">
        <v>10594</v>
      </c>
      <c r="O1150" s="19">
        <v>1978</v>
      </c>
      <c r="P1150" s="19">
        <v>1</v>
      </c>
      <c r="Q1150" s="22"/>
      <c r="R1150" s="23">
        <v>45065</v>
      </c>
      <c r="S1150" s="29"/>
      <c r="T1150" s="29"/>
    </row>
    <row r="1151" spans="1:20" ht="14.4" customHeight="1" x14ac:dyDescent="0.2">
      <c r="A1151" s="15" t="s">
        <v>9012</v>
      </c>
      <c r="B1151" s="10" t="s">
        <v>1816</v>
      </c>
      <c r="C1151" s="16">
        <v>1</v>
      </c>
      <c r="D1151" s="17">
        <v>511</v>
      </c>
      <c r="E1151" s="17">
        <v>1503</v>
      </c>
      <c r="F1151" s="25" t="s">
        <v>1354</v>
      </c>
      <c r="G1151" s="26" t="s">
        <v>7329</v>
      </c>
      <c r="H1151" s="25" t="s">
        <v>1355</v>
      </c>
      <c r="I1151" s="25" t="s">
        <v>5116</v>
      </c>
      <c r="J1151" s="18">
        <v>35.408487710000003</v>
      </c>
      <c r="K1151" s="19">
        <v>139.34580030000001</v>
      </c>
      <c r="L1151" s="25" t="s">
        <v>2972</v>
      </c>
      <c r="M1151" s="17" t="s">
        <v>3995</v>
      </c>
      <c r="N1151" s="16" t="s">
        <v>10595</v>
      </c>
      <c r="O1151" s="19">
        <v>1999</v>
      </c>
      <c r="P1151" s="19">
        <v>1</v>
      </c>
      <c r="Q1151" s="22"/>
      <c r="R1151" s="23">
        <v>45065</v>
      </c>
      <c r="S1151" s="29"/>
      <c r="T1151" s="29"/>
    </row>
    <row r="1152" spans="1:20" ht="14.4" customHeight="1" x14ac:dyDescent="0.2">
      <c r="A1152" s="15" t="s">
        <v>9010</v>
      </c>
      <c r="B1152" s="10" t="s">
        <v>1816</v>
      </c>
      <c r="C1152" s="16">
        <v>2</v>
      </c>
      <c r="D1152" s="16">
        <v>512</v>
      </c>
      <c r="E1152" s="16">
        <v>1504</v>
      </c>
      <c r="F1152" s="31" t="s">
        <v>1772</v>
      </c>
      <c r="G1152" s="32" t="s">
        <v>7330</v>
      </c>
      <c r="H1152" s="31" t="s">
        <v>1773</v>
      </c>
      <c r="I1152" s="31" t="s">
        <v>5117</v>
      </c>
      <c r="J1152" s="19">
        <v>35.406424860000001</v>
      </c>
      <c r="K1152" s="19">
        <v>139.2913824</v>
      </c>
      <c r="L1152" s="31" t="s">
        <v>2973</v>
      </c>
      <c r="M1152" s="31" t="s">
        <v>3996</v>
      </c>
      <c r="N1152" s="16" t="s">
        <v>10596</v>
      </c>
      <c r="O1152" s="19">
        <v>1962</v>
      </c>
      <c r="P1152" s="19">
        <v>1</v>
      </c>
      <c r="Q1152" s="22"/>
      <c r="R1152" s="23">
        <v>45065</v>
      </c>
      <c r="S1152" s="29"/>
      <c r="T1152" s="29"/>
    </row>
    <row r="1153" spans="1:20" ht="14.4" customHeight="1" x14ac:dyDescent="0.2">
      <c r="A1153" s="15" t="s">
        <v>9105</v>
      </c>
      <c r="B1153" s="10" t="s">
        <v>1816</v>
      </c>
      <c r="C1153" s="16">
        <v>2</v>
      </c>
      <c r="D1153" s="16">
        <v>512</v>
      </c>
      <c r="E1153" s="16">
        <v>1504</v>
      </c>
      <c r="F1153" s="31" t="s">
        <v>5563</v>
      </c>
      <c r="G1153" s="32" t="s">
        <v>7331</v>
      </c>
      <c r="H1153" s="31" t="s">
        <v>1346</v>
      </c>
      <c r="I1153" s="31" t="s">
        <v>5118</v>
      </c>
      <c r="J1153" s="19">
        <v>35.411368269999997</v>
      </c>
      <c r="K1153" s="19">
        <v>139.32661250000001</v>
      </c>
      <c r="L1153" s="31" t="s">
        <v>2974</v>
      </c>
      <c r="M1153" s="31" t="s">
        <v>3997</v>
      </c>
      <c r="N1153" s="16" t="s">
        <v>10597</v>
      </c>
      <c r="O1153" s="19">
        <v>1947</v>
      </c>
      <c r="P1153" s="19">
        <v>1</v>
      </c>
      <c r="Q1153" s="22"/>
      <c r="R1153" s="23">
        <v>45065</v>
      </c>
      <c r="S1153" s="29"/>
      <c r="T1153" s="29"/>
    </row>
    <row r="1154" spans="1:20" ht="14.4" customHeight="1" x14ac:dyDescent="0.2">
      <c r="A1154" s="15" t="s">
        <v>9106</v>
      </c>
      <c r="B1154" s="10" t="s">
        <v>1816</v>
      </c>
      <c r="C1154" s="16">
        <v>2</v>
      </c>
      <c r="D1154" s="16">
        <v>512</v>
      </c>
      <c r="E1154" s="16">
        <v>1504</v>
      </c>
      <c r="F1154" s="31" t="s">
        <v>10332</v>
      </c>
      <c r="G1154" s="32" t="s">
        <v>7332</v>
      </c>
      <c r="H1154" s="31" t="s">
        <v>1350</v>
      </c>
      <c r="I1154" s="31" t="s">
        <v>5119</v>
      </c>
      <c r="J1154" s="19">
        <v>35.390395939999998</v>
      </c>
      <c r="K1154" s="19">
        <v>139.31585659999999</v>
      </c>
      <c r="L1154" s="31" t="s">
        <v>2975</v>
      </c>
      <c r="M1154" s="31" t="s">
        <v>3998</v>
      </c>
      <c r="N1154" s="16" t="s">
        <v>10598</v>
      </c>
      <c r="O1154" s="19">
        <v>1947</v>
      </c>
      <c r="P1154" s="19">
        <v>1</v>
      </c>
      <c r="Q1154" s="22"/>
      <c r="R1154" s="23">
        <v>45065</v>
      </c>
      <c r="S1154" s="29"/>
      <c r="T1154" s="29"/>
    </row>
    <row r="1155" spans="1:20" ht="14.4" customHeight="1" x14ac:dyDescent="0.2">
      <c r="A1155" s="15" t="s">
        <v>9015</v>
      </c>
      <c r="B1155" s="10" t="s">
        <v>1816</v>
      </c>
      <c r="C1155" s="16">
        <v>2</v>
      </c>
      <c r="D1155" s="16">
        <v>512</v>
      </c>
      <c r="E1155" s="16">
        <v>1504</v>
      </c>
      <c r="F1155" s="31" t="s">
        <v>9941</v>
      </c>
      <c r="G1155" s="32" t="s">
        <v>7333</v>
      </c>
      <c r="H1155" s="31" t="s">
        <v>1774</v>
      </c>
      <c r="I1155" s="31" t="s">
        <v>5120</v>
      </c>
      <c r="J1155" s="19">
        <v>35.403080590000002</v>
      </c>
      <c r="K1155" s="19">
        <v>139.3204125</v>
      </c>
      <c r="L1155" s="31" t="s">
        <v>2976</v>
      </c>
      <c r="M1155" s="31" t="s">
        <v>3999</v>
      </c>
      <c r="N1155" s="16" t="s">
        <v>10599</v>
      </c>
      <c r="O1155" s="19">
        <v>1982</v>
      </c>
      <c r="P1155" s="19">
        <v>1</v>
      </c>
      <c r="Q1155" s="22"/>
      <c r="R1155" s="23">
        <v>45065</v>
      </c>
      <c r="S1155" s="29"/>
      <c r="T1155" s="29"/>
    </row>
    <row r="1156" spans="1:20" ht="14.4" customHeight="1" x14ac:dyDescent="0.2">
      <c r="A1156" s="15" t="s">
        <v>8656</v>
      </c>
      <c r="B1156" s="10" t="s">
        <v>5564</v>
      </c>
      <c r="C1156" s="16">
        <v>1</v>
      </c>
      <c r="D1156" s="17">
        <v>511</v>
      </c>
      <c r="E1156" s="17">
        <v>1503</v>
      </c>
      <c r="F1156" s="25" t="s">
        <v>1356</v>
      </c>
      <c r="G1156" s="26" t="s">
        <v>5565</v>
      </c>
      <c r="H1156" s="25" t="s">
        <v>1357</v>
      </c>
      <c r="I1156" s="25" t="s">
        <v>5121</v>
      </c>
      <c r="J1156" s="18">
        <v>35.451331340000003</v>
      </c>
      <c r="K1156" s="19">
        <v>139.3986956</v>
      </c>
      <c r="L1156" s="25" t="s">
        <v>2977</v>
      </c>
      <c r="M1156" s="17" t="s">
        <v>4000</v>
      </c>
      <c r="N1156" s="16" t="s">
        <v>5566</v>
      </c>
      <c r="O1156" s="19">
        <v>1909</v>
      </c>
      <c r="P1156" s="19">
        <v>1</v>
      </c>
      <c r="Q1156" s="22"/>
      <c r="R1156" s="23">
        <v>44701</v>
      </c>
      <c r="S1156" s="29"/>
      <c r="T1156" s="29"/>
    </row>
    <row r="1157" spans="1:20" ht="14.4" customHeight="1" x14ac:dyDescent="0.2">
      <c r="A1157" s="15" t="s">
        <v>8657</v>
      </c>
      <c r="B1157" s="10" t="s">
        <v>5564</v>
      </c>
      <c r="C1157" s="16">
        <v>1</v>
      </c>
      <c r="D1157" s="17">
        <v>511</v>
      </c>
      <c r="E1157" s="17">
        <v>1503</v>
      </c>
      <c r="F1157" s="25" t="s">
        <v>1358</v>
      </c>
      <c r="G1157" s="26" t="s">
        <v>5567</v>
      </c>
      <c r="H1157" s="25" t="s">
        <v>1359</v>
      </c>
      <c r="I1157" s="25" t="s">
        <v>5122</v>
      </c>
      <c r="J1157" s="18">
        <v>35.466500240000002</v>
      </c>
      <c r="K1157" s="19">
        <v>139.4171035</v>
      </c>
      <c r="L1157" s="25" t="s">
        <v>2978</v>
      </c>
      <c r="M1157" s="17" t="s">
        <v>4001</v>
      </c>
      <c r="N1157" s="16" t="s">
        <v>5568</v>
      </c>
      <c r="O1157" s="19">
        <v>1964</v>
      </c>
      <c r="P1157" s="19">
        <v>1</v>
      </c>
      <c r="Q1157" s="22"/>
      <c r="R1157" s="23">
        <v>44701</v>
      </c>
      <c r="S1157" s="29"/>
      <c r="T1157" s="29"/>
    </row>
    <row r="1158" spans="1:20" ht="14.4" customHeight="1" x14ac:dyDescent="0.2">
      <c r="A1158" s="15" t="s">
        <v>8658</v>
      </c>
      <c r="B1158" s="10" t="s">
        <v>5564</v>
      </c>
      <c r="C1158" s="16">
        <v>1</v>
      </c>
      <c r="D1158" s="17">
        <v>511</v>
      </c>
      <c r="E1158" s="17">
        <v>1503</v>
      </c>
      <c r="F1158" s="25" t="s">
        <v>1360</v>
      </c>
      <c r="G1158" s="26" t="s">
        <v>5569</v>
      </c>
      <c r="H1158" s="25" t="s">
        <v>1361</v>
      </c>
      <c r="I1158" s="25" t="s">
        <v>5123</v>
      </c>
      <c r="J1158" s="18">
        <v>35.452831119999999</v>
      </c>
      <c r="K1158" s="19">
        <v>139.37792719999999</v>
      </c>
      <c r="L1158" s="25" t="s">
        <v>2979</v>
      </c>
      <c r="M1158" s="17" t="s">
        <v>4002</v>
      </c>
      <c r="N1158" s="16" t="s">
        <v>5570</v>
      </c>
      <c r="O1158" s="19">
        <v>1956</v>
      </c>
      <c r="P1158" s="19">
        <v>1</v>
      </c>
      <c r="Q1158" s="22"/>
      <c r="R1158" s="23">
        <v>44701</v>
      </c>
      <c r="S1158" s="29"/>
      <c r="T1158" s="29"/>
    </row>
    <row r="1159" spans="1:20" ht="14.4" customHeight="1" x14ac:dyDescent="0.2">
      <c r="A1159" s="15" t="s">
        <v>8659</v>
      </c>
      <c r="B1159" s="10" t="s">
        <v>5564</v>
      </c>
      <c r="C1159" s="16">
        <v>1</v>
      </c>
      <c r="D1159" s="17">
        <v>511</v>
      </c>
      <c r="E1159" s="17">
        <v>1503</v>
      </c>
      <c r="F1159" s="25" t="s">
        <v>1362</v>
      </c>
      <c r="G1159" s="26" t="s">
        <v>5571</v>
      </c>
      <c r="H1159" s="25" t="s">
        <v>1363</v>
      </c>
      <c r="I1159" s="25" t="s">
        <v>5124</v>
      </c>
      <c r="J1159" s="18">
        <v>35.416005429999998</v>
      </c>
      <c r="K1159" s="19">
        <v>139.39465490000001</v>
      </c>
      <c r="L1159" s="25" t="s">
        <v>2980</v>
      </c>
      <c r="M1159" s="17" t="s">
        <v>4003</v>
      </c>
      <c r="N1159" s="16" t="s">
        <v>5572</v>
      </c>
      <c r="O1159" s="19">
        <v>1892</v>
      </c>
      <c r="P1159" s="19">
        <v>1</v>
      </c>
      <c r="Q1159" s="22"/>
      <c r="R1159" s="23">
        <v>44701</v>
      </c>
      <c r="S1159" s="29"/>
      <c r="T1159" s="29"/>
    </row>
    <row r="1160" spans="1:20" ht="14.4" customHeight="1" x14ac:dyDescent="0.2">
      <c r="A1160" s="15" t="s">
        <v>8660</v>
      </c>
      <c r="B1160" s="10" t="s">
        <v>5564</v>
      </c>
      <c r="C1160" s="16">
        <v>1</v>
      </c>
      <c r="D1160" s="17">
        <v>511</v>
      </c>
      <c r="E1160" s="17">
        <v>1503</v>
      </c>
      <c r="F1160" s="25" t="s">
        <v>1364</v>
      </c>
      <c r="G1160" s="26" t="s">
        <v>5573</v>
      </c>
      <c r="H1160" s="25" t="s">
        <v>1365</v>
      </c>
      <c r="I1160" s="25" t="s">
        <v>5125</v>
      </c>
      <c r="J1160" s="18">
        <v>35.439822999999997</v>
      </c>
      <c r="K1160" s="19">
        <v>139.4034351</v>
      </c>
      <c r="L1160" s="25" t="s">
        <v>2981</v>
      </c>
      <c r="M1160" s="17" t="s">
        <v>4004</v>
      </c>
      <c r="N1160" s="16" t="s">
        <v>5574</v>
      </c>
      <c r="O1160" s="19">
        <v>1969</v>
      </c>
      <c r="P1160" s="19">
        <v>1</v>
      </c>
      <c r="Q1160" s="22"/>
      <c r="R1160" s="23">
        <v>44701</v>
      </c>
      <c r="S1160" s="29"/>
      <c r="T1160" s="29"/>
    </row>
    <row r="1161" spans="1:20" ht="14.4" customHeight="1" x14ac:dyDescent="0.2">
      <c r="A1161" s="15" t="s">
        <v>8661</v>
      </c>
      <c r="B1161" s="10" t="s">
        <v>5564</v>
      </c>
      <c r="C1161" s="16">
        <v>1</v>
      </c>
      <c r="D1161" s="17">
        <v>511</v>
      </c>
      <c r="E1161" s="17">
        <v>1503</v>
      </c>
      <c r="F1161" s="25" t="s">
        <v>1366</v>
      </c>
      <c r="G1161" s="26" t="s">
        <v>5575</v>
      </c>
      <c r="H1161" s="25" t="s">
        <v>1367</v>
      </c>
      <c r="I1161" s="25" t="s">
        <v>5126</v>
      </c>
      <c r="J1161" s="18">
        <v>35.466859599999999</v>
      </c>
      <c r="K1161" s="19">
        <v>139.40337489999999</v>
      </c>
      <c r="L1161" s="25" t="s">
        <v>2982</v>
      </c>
      <c r="M1161" s="17" t="s">
        <v>4005</v>
      </c>
      <c r="N1161" s="16" t="s">
        <v>5576</v>
      </c>
      <c r="O1161" s="19">
        <v>1972</v>
      </c>
      <c r="P1161" s="19">
        <v>1</v>
      </c>
      <c r="Q1161" s="22"/>
      <c r="R1161" s="23">
        <v>44701</v>
      </c>
      <c r="S1161" s="29"/>
      <c r="T1161" s="29"/>
    </row>
    <row r="1162" spans="1:20" ht="14.4" customHeight="1" x14ac:dyDescent="0.2">
      <c r="A1162" s="15" t="s">
        <v>8662</v>
      </c>
      <c r="B1162" s="10" t="s">
        <v>5564</v>
      </c>
      <c r="C1162" s="16">
        <v>1</v>
      </c>
      <c r="D1162" s="17">
        <v>511</v>
      </c>
      <c r="E1162" s="17">
        <v>1503</v>
      </c>
      <c r="F1162" s="25" t="s">
        <v>1368</v>
      </c>
      <c r="G1162" s="26" t="s">
        <v>5577</v>
      </c>
      <c r="H1162" s="25" t="s">
        <v>1369</v>
      </c>
      <c r="I1162" s="25" t="s">
        <v>5127</v>
      </c>
      <c r="J1162" s="18">
        <v>35.43878282</v>
      </c>
      <c r="K1162" s="19">
        <v>139.3856165</v>
      </c>
      <c r="L1162" s="25" t="s">
        <v>2983</v>
      </c>
      <c r="M1162" s="17" t="s">
        <v>4006</v>
      </c>
      <c r="N1162" s="16" t="s">
        <v>5578</v>
      </c>
      <c r="O1162" s="19">
        <v>1972</v>
      </c>
      <c r="P1162" s="19">
        <v>1</v>
      </c>
      <c r="Q1162" s="22"/>
      <c r="R1162" s="23">
        <v>44701</v>
      </c>
      <c r="S1162" s="29"/>
      <c r="T1162" s="29"/>
    </row>
    <row r="1163" spans="1:20" ht="14.4" customHeight="1" x14ac:dyDescent="0.2">
      <c r="A1163" s="15" t="s">
        <v>8663</v>
      </c>
      <c r="B1163" s="10" t="s">
        <v>5564</v>
      </c>
      <c r="C1163" s="16">
        <v>1</v>
      </c>
      <c r="D1163" s="17">
        <v>511</v>
      </c>
      <c r="E1163" s="17">
        <v>1503</v>
      </c>
      <c r="F1163" s="25" t="s">
        <v>1370</v>
      </c>
      <c r="G1163" s="26" t="s">
        <v>5579</v>
      </c>
      <c r="H1163" s="25" t="s">
        <v>1371</v>
      </c>
      <c r="I1163" s="25" t="s">
        <v>10642</v>
      </c>
      <c r="J1163" s="18">
        <v>35.409035580000001</v>
      </c>
      <c r="K1163" s="19">
        <v>139.38011539999999</v>
      </c>
      <c r="L1163" s="25" t="s">
        <v>2984</v>
      </c>
      <c r="M1163" s="17" t="s">
        <v>4007</v>
      </c>
      <c r="N1163" s="16" t="s">
        <v>5580</v>
      </c>
      <c r="O1163" s="19">
        <v>1973</v>
      </c>
      <c r="P1163" s="19">
        <v>1</v>
      </c>
      <c r="Q1163" s="22"/>
      <c r="R1163" s="23">
        <v>44701</v>
      </c>
      <c r="S1163" s="29"/>
      <c r="T1163" s="29"/>
    </row>
    <row r="1164" spans="1:20" ht="14.4" customHeight="1" x14ac:dyDescent="0.2">
      <c r="A1164" s="15" t="s">
        <v>8664</v>
      </c>
      <c r="B1164" s="10" t="s">
        <v>5564</v>
      </c>
      <c r="C1164" s="16">
        <v>1</v>
      </c>
      <c r="D1164" s="17">
        <v>511</v>
      </c>
      <c r="E1164" s="17">
        <v>1503</v>
      </c>
      <c r="F1164" s="25" t="s">
        <v>1372</v>
      </c>
      <c r="G1164" s="26" t="s">
        <v>5581</v>
      </c>
      <c r="H1164" s="25" t="s">
        <v>1373</v>
      </c>
      <c r="I1164" s="25" t="s">
        <v>5128</v>
      </c>
      <c r="J1164" s="18">
        <v>35.467930039999999</v>
      </c>
      <c r="K1164" s="19">
        <v>139.4348718</v>
      </c>
      <c r="L1164" s="25" t="s">
        <v>2985</v>
      </c>
      <c r="M1164" s="17" t="s">
        <v>4008</v>
      </c>
      <c r="N1164" s="16" t="s">
        <v>5582</v>
      </c>
      <c r="O1164" s="19">
        <v>1975</v>
      </c>
      <c r="P1164" s="19">
        <v>1</v>
      </c>
      <c r="Q1164" s="22"/>
      <c r="R1164" s="23">
        <v>44701</v>
      </c>
      <c r="S1164" s="29"/>
      <c r="T1164" s="29"/>
    </row>
    <row r="1165" spans="1:20" ht="14.4" customHeight="1" x14ac:dyDescent="0.2">
      <c r="A1165" s="15" t="s">
        <v>8665</v>
      </c>
      <c r="B1165" s="10" t="s">
        <v>5564</v>
      </c>
      <c r="C1165" s="16">
        <v>1</v>
      </c>
      <c r="D1165" s="17">
        <v>511</v>
      </c>
      <c r="E1165" s="17">
        <v>1503</v>
      </c>
      <c r="F1165" s="25" t="s">
        <v>1374</v>
      </c>
      <c r="G1165" s="26" t="s">
        <v>5583</v>
      </c>
      <c r="H1165" s="25" t="s">
        <v>1375</v>
      </c>
      <c r="I1165" s="25" t="s">
        <v>10468</v>
      </c>
      <c r="J1165" s="18">
        <v>35.420344669999999</v>
      </c>
      <c r="K1165" s="19">
        <v>139.38124590000001</v>
      </c>
      <c r="L1165" s="25" t="s">
        <v>2986</v>
      </c>
      <c r="M1165" s="17" t="s">
        <v>4009</v>
      </c>
      <c r="N1165" s="16" t="s">
        <v>5584</v>
      </c>
      <c r="O1165" s="19">
        <v>1978</v>
      </c>
      <c r="P1165" s="19">
        <v>1</v>
      </c>
      <c r="Q1165" s="22"/>
      <c r="R1165" s="23">
        <v>44701</v>
      </c>
      <c r="S1165" s="29"/>
      <c r="T1165" s="29"/>
    </row>
    <row r="1166" spans="1:20" ht="14.4" customHeight="1" x14ac:dyDescent="0.2">
      <c r="A1166" s="15" t="s">
        <v>8666</v>
      </c>
      <c r="B1166" s="10" t="s">
        <v>5564</v>
      </c>
      <c r="C1166" s="16">
        <v>1</v>
      </c>
      <c r="D1166" s="17">
        <v>511</v>
      </c>
      <c r="E1166" s="17">
        <v>1503</v>
      </c>
      <c r="F1166" s="25" t="s">
        <v>1376</v>
      </c>
      <c r="G1166" s="26" t="s">
        <v>5585</v>
      </c>
      <c r="H1166" s="25" t="s">
        <v>1377</v>
      </c>
      <c r="I1166" s="25" t="s">
        <v>5129</v>
      </c>
      <c r="J1166" s="18">
        <v>35.429024300000002</v>
      </c>
      <c r="K1166" s="19">
        <v>139.402975</v>
      </c>
      <c r="L1166" s="25" t="s">
        <v>2987</v>
      </c>
      <c r="M1166" s="17" t="s">
        <v>4010</v>
      </c>
      <c r="N1166" s="16" t="s">
        <v>5586</v>
      </c>
      <c r="O1166" s="19">
        <v>1979</v>
      </c>
      <c r="P1166" s="19">
        <v>1</v>
      </c>
      <c r="Q1166" s="22"/>
      <c r="R1166" s="23">
        <v>44701</v>
      </c>
      <c r="S1166" s="29"/>
      <c r="T1166" s="29"/>
    </row>
    <row r="1167" spans="1:20" ht="14.4" customHeight="1" x14ac:dyDescent="0.2">
      <c r="A1167" s="15" t="s">
        <v>8667</v>
      </c>
      <c r="B1167" s="10" t="s">
        <v>5564</v>
      </c>
      <c r="C1167" s="16">
        <v>1</v>
      </c>
      <c r="D1167" s="17">
        <v>511</v>
      </c>
      <c r="E1167" s="17">
        <v>1503</v>
      </c>
      <c r="F1167" s="25" t="s">
        <v>1378</v>
      </c>
      <c r="G1167" s="26" t="s">
        <v>5587</v>
      </c>
      <c r="H1167" s="25" t="s">
        <v>1367</v>
      </c>
      <c r="I1167" s="25" t="s">
        <v>5130</v>
      </c>
      <c r="J1167" s="18">
        <v>35.461399810000003</v>
      </c>
      <c r="K1167" s="19">
        <v>139.39179619999999</v>
      </c>
      <c r="L1167" s="25" t="s">
        <v>2988</v>
      </c>
      <c r="M1167" s="17" t="s">
        <v>4011</v>
      </c>
      <c r="N1167" s="16" t="s">
        <v>5588</v>
      </c>
      <c r="O1167" s="19">
        <v>1981</v>
      </c>
      <c r="P1167" s="19">
        <v>1</v>
      </c>
      <c r="Q1167" s="22"/>
      <c r="R1167" s="23">
        <v>44701</v>
      </c>
      <c r="S1167" s="29"/>
      <c r="T1167" s="29"/>
    </row>
    <row r="1168" spans="1:20" ht="14.4" customHeight="1" x14ac:dyDescent="0.2">
      <c r="A1168" s="15" t="s">
        <v>8668</v>
      </c>
      <c r="B1168" s="10" t="s">
        <v>5564</v>
      </c>
      <c r="C1168" s="16">
        <v>1</v>
      </c>
      <c r="D1168" s="17">
        <v>511</v>
      </c>
      <c r="E1168" s="17">
        <v>1503</v>
      </c>
      <c r="F1168" s="25" t="s">
        <v>1379</v>
      </c>
      <c r="G1168" s="26" t="s">
        <v>5589</v>
      </c>
      <c r="H1168" s="25" t="s">
        <v>1380</v>
      </c>
      <c r="I1168" s="25" t="s">
        <v>5131</v>
      </c>
      <c r="J1168" s="18">
        <v>35.464420130000001</v>
      </c>
      <c r="K1168" s="19">
        <v>139.40830450000001</v>
      </c>
      <c r="L1168" s="25" t="s">
        <v>2989</v>
      </c>
      <c r="M1168" s="17" t="s">
        <v>4012</v>
      </c>
      <c r="N1168" s="16" t="s">
        <v>5590</v>
      </c>
      <c r="O1168" s="19">
        <v>1982</v>
      </c>
      <c r="P1168" s="19">
        <v>1</v>
      </c>
      <c r="Q1168" s="22"/>
      <c r="R1168" s="23">
        <v>44701</v>
      </c>
      <c r="S1168" s="29"/>
      <c r="T1168" s="29"/>
    </row>
    <row r="1169" spans="1:20" ht="14.4" customHeight="1" x14ac:dyDescent="0.2">
      <c r="A1169" s="15" t="s">
        <v>8669</v>
      </c>
      <c r="B1169" s="10" t="s">
        <v>5564</v>
      </c>
      <c r="C1169" s="16">
        <v>2</v>
      </c>
      <c r="D1169" s="16">
        <v>512</v>
      </c>
      <c r="E1169" s="16">
        <v>1504</v>
      </c>
      <c r="F1169" s="31" t="s">
        <v>5591</v>
      </c>
      <c r="G1169" s="32" t="s">
        <v>5592</v>
      </c>
      <c r="H1169" s="31" t="s">
        <v>1357</v>
      </c>
      <c r="I1169" s="31" t="s">
        <v>5132</v>
      </c>
      <c r="J1169" s="19">
        <v>35.450251469999998</v>
      </c>
      <c r="K1169" s="19">
        <v>139.3980857</v>
      </c>
      <c r="L1169" s="31" t="s">
        <v>2990</v>
      </c>
      <c r="M1169" s="31" t="s">
        <v>4013</v>
      </c>
      <c r="N1169" s="16" t="s">
        <v>5593</v>
      </c>
      <c r="O1169" s="19">
        <v>1947</v>
      </c>
      <c r="P1169" s="19">
        <v>0</v>
      </c>
      <c r="Q1169" s="22" t="s">
        <v>9942</v>
      </c>
      <c r="R1169" s="23">
        <v>44701</v>
      </c>
      <c r="S1169" s="29"/>
      <c r="T1169" s="29"/>
    </row>
    <row r="1170" spans="1:20" ht="14.4" customHeight="1" x14ac:dyDescent="0.2">
      <c r="A1170" s="15" t="s">
        <v>8670</v>
      </c>
      <c r="B1170" s="10" t="s">
        <v>5564</v>
      </c>
      <c r="C1170" s="16">
        <v>2</v>
      </c>
      <c r="D1170" s="16">
        <v>512</v>
      </c>
      <c r="E1170" s="16">
        <v>1504</v>
      </c>
      <c r="F1170" s="31" t="s">
        <v>5595</v>
      </c>
      <c r="G1170" s="32" t="s">
        <v>5596</v>
      </c>
      <c r="H1170" s="31" t="s">
        <v>1775</v>
      </c>
      <c r="I1170" s="31" t="s">
        <v>5133</v>
      </c>
      <c r="J1170" s="19">
        <v>35.416055470000003</v>
      </c>
      <c r="K1170" s="19">
        <v>139.39610479999999</v>
      </c>
      <c r="L1170" s="31" t="s">
        <v>2991</v>
      </c>
      <c r="M1170" s="31" t="s">
        <v>4014</v>
      </c>
      <c r="N1170" s="16" t="s">
        <v>5597</v>
      </c>
      <c r="O1170" s="19">
        <v>1947</v>
      </c>
      <c r="P1170" s="19">
        <v>0</v>
      </c>
      <c r="Q1170" s="22" t="s">
        <v>5594</v>
      </c>
      <c r="R1170" s="23">
        <v>44701</v>
      </c>
      <c r="S1170" s="29"/>
      <c r="T1170" s="29"/>
    </row>
    <row r="1171" spans="1:20" ht="14.4" customHeight="1" x14ac:dyDescent="0.2">
      <c r="A1171" s="15" t="s">
        <v>8671</v>
      </c>
      <c r="B1171" s="10" t="s">
        <v>5564</v>
      </c>
      <c r="C1171" s="16">
        <v>2</v>
      </c>
      <c r="D1171" s="16">
        <v>512</v>
      </c>
      <c r="E1171" s="16">
        <v>1504</v>
      </c>
      <c r="F1171" s="31" t="s">
        <v>5598</v>
      </c>
      <c r="G1171" s="32" t="s">
        <v>5599</v>
      </c>
      <c r="H1171" s="31" t="s">
        <v>1776</v>
      </c>
      <c r="I1171" s="31" t="s">
        <v>5134</v>
      </c>
      <c r="J1171" s="19">
        <v>35.447731740000002</v>
      </c>
      <c r="K1171" s="19">
        <v>139.38014709999999</v>
      </c>
      <c r="L1171" s="31" t="s">
        <v>2992</v>
      </c>
      <c r="M1171" s="31" t="s">
        <v>4015</v>
      </c>
      <c r="N1171" s="16" t="s">
        <v>5600</v>
      </c>
      <c r="O1171" s="19">
        <v>1974</v>
      </c>
      <c r="P1171" s="19">
        <v>0</v>
      </c>
      <c r="Q1171" s="22" t="s">
        <v>5594</v>
      </c>
      <c r="R1171" s="23">
        <v>44701</v>
      </c>
      <c r="S1171" s="29"/>
      <c r="T1171" s="29"/>
    </row>
    <row r="1172" spans="1:20" ht="14.4" customHeight="1" x14ac:dyDescent="0.2">
      <c r="A1172" s="15" t="s">
        <v>8672</v>
      </c>
      <c r="B1172" s="10" t="s">
        <v>5564</v>
      </c>
      <c r="C1172" s="16">
        <v>2</v>
      </c>
      <c r="D1172" s="16">
        <v>512</v>
      </c>
      <c r="E1172" s="16">
        <v>1504</v>
      </c>
      <c r="F1172" s="31" t="s">
        <v>5601</v>
      </c>
      <c r="G1172" s="32" t="s">
        <v>5602</v>
      </c>
      <c r="H1172" s="31" t="s">
        <v>1359</v>
      </c>
      <c r="I1172" s="31" t="s">
        <v>5135</v>
      </c>
      <c r="J1172" s="19">
        <v>35.469099870000001</v>
      </c>
      <c r="K1172" s="19">
        <v>139.41672349999999</v>
      </c>
      <c r="L1172" s="31" t="s">
        <v>2993</v>
      </c>
      <c r="M1172" s="31" t="s">
        <v>4016</v>
      </c>
      <c r="N1172" s="16" t="s">
        <v>5603</v>
      </c>
      <c r="O1172" s="19">
        <v>1976</v>
      </c>
      <c r="P1172" s="19">
        <v>0</v>
      </c>
      <c r="Q1172" s="22" t="s">
        <v>5594</v>
      </c>
      <c r="R1172" s="23">
        <v>44701</v>
      </c>
      <c r="S1172" s="29"/>
      <c r="T1172" s="29"/>
    </row>
    <row r="1173" spans="1:20" ht="14.4" customHeight="1" x14ac:dyDescent="0.2">
      <c r="A1173" s="15" t="s">
        <v>8673</v>
      </c>
      <c r="B1173" s="10" t="s">
        <v>5564</v>
      </c>
      <c r="C1173" s="16">
        <v>2</v>
      </c>
      <c r="D1173" s="16">
        <v>512</v>
      </c>
      <c r="E1173" s="16">
        <v>1504</v>
      </c>
      <c r="F1173" s="31" t="s">
        <v>5604</v>
      </c>
      <c r="G1173" s="32" t="s">
        <v>5605</v>
      </c>
      <c r="H1173" s="31" t="s">
        <v>5606</v>
      </c>
      <c r="I1173" s="31" t="s">
        <v>5136</v>
      </c>
      <c r="J1173" s="19">
        <v>35.436823199999999</v>
      </c>
      <c r="K1173" s="19">
        <v>139.3962956</v>
      </c>
      <c r="L1173" s="31" t="s">
        <v>2994</v>
      </c>
      <c r="M1173" s="31" t="s">
        <v>4017</v>
      </c>
      <c r="N1173" s="16" t="s">
        <v>5607</v>
      </c>
      <c r="O1173" s="19">
        <v>1980</v>
      </c>
      <c r="P1173" s="19">
        <v>0</v>
      </c>
      <c r="Q1173" s="22" t="s">
        <v>5594</v>
      </c>
      <c r="R1173" s="23">
        <v>44701</v>
      </c>
      <c r="S1173" s="29"/>
      <c r="T1173" s="29"/>
    </row>
    <row r="1174" spans="1:20" ht="14.4" customHeight="1" x14ac:dyDescent="0.2">
      <c r="A1174" s="15" t="s">
        <v>8674</v>
      </c>
      <c r="B1174" s="10" t="s">
        <v>5564</v>
      </c>
      <c r="C1174" s="16">
        <v>2</v>
      </c>
      <c r="D1174" s="16">
        <v>512</v>
      </c>
      <c r="E1174" s="16">
        <v>1504</v>
      </c>
      <c r="F1174" s="31" t="s">
        <v>5608</v>
      </c>
      <c r="G1174" s="32" t="s">
        <v>5609</v>
      </c>
      <c r="H1174" s="31" t="s">
        <v>1367</v>
      </c>
      <c r="I1174" s="31" t="s">
        <v>5137</v>
      </c>
      <c r="J1174" s="19">
        <v>35.465579380000001</v>
      </c>
      <c r="K1174" s="19">
        <v>139.39309600000001</v>
      </c>
      <c r="L1174" s="31" t="s">
        <v>2995</v>
      </c>
      <c r="M1174" s="31" t="s">
        <v>4018</v>
      </c>
      <c r="N1174" s="16" t="s">
        <v>5610</v>
      </c>
      <c r="O1174" s="19">
        <v>1984</v>
      </c>
      <c r="P1174" s="19">
        <v>0</v>
      </c>
      <c r="Q1174" s="22" t="s">
        <v>5594</v>
      </c>
      <c r="R1174" s="23">
        <v>44701</v>
      </c>
      <c r="S1174" s="29"/>
      <c r="T1174" s="29"/>
    </row>
    <row r="1175" spans="1:20" ht="14.4" customHeight="1" x14ac:dyDescent="0.2">
      <c r="A1175" s="15" t="s">
        <v>8675</v>
      </c>
      <c r="B1175" s="10" t="s">
        <v>5613</v>
      </c>
      <c r="C1175" s="32">
        <v>1</v>
      </c>
      <c r="D1175" s="26">
        <v>511</v>
      </c>
      <c r="E1175" s="26">
        <v>1503</v>
      </c>
      <c r="F1175" s="25" t="s">
        <v>10333</v>
      </c>
      <c r="G1175" s="26" t="s">
        <v>7334</v>
      </c>
      <c r="H1175" s="25" t="s">
        <v>6</v>
      </c>
      <c r="I1175" s="25" t="s">
        <v>9033</v>
      </c>
      <c r="J1175" s="18" t="s">
        <v>5614</v>
      </c>
      <c r="K1175" s="19" t="s">
        <v>5614</v>
      </c>
      <c r="L1175" s="25" t="s">
        <v>2996</v>
      </c>
      <c r="M1175" s="17" t="s">
        <v>4019</v>
      </c>
      <c r="N1175" s="16" t="s">
        <v>10334</v>
      </c>
      <c r="O1175" s="21">
        <v>1895</v>
      </c>
      <c r="P1175" s="21">
        <v>1</v>
      </c>
      <c r="Q1175" s="22" t="s">
        <v>5614</v>
      </c>
      <c r="R1175" s="23">
        <v>44701</v>
      </c>
      <c r="S1175" s="29"/>
      <c r="T1175" s="29"/>
    </row>
    <row r="1176" spans="1:20" ht="14.4" customHeight="1" x14ac:dyDescent="0.2">
      <c r="A1176" s="15" t="s">
        <v>8676</v>
      </c>
      <c r="B1176" s="10" t="s">
        <v>5613</v>
      </c>
      <c r="C1176" s="32">
        <v>1</v>
      </c>
      <c r="D1176" s="26">
        <v>511</v>
      </c>
      <c r="E1176" s="26">
        <v>1503</v>
      </c>
      <c r="F1176" s="25" t="s">
        <v>10335</v>
      </c>
      <c r="G1176" s="26" t="s">
        <v>7335</v>
      </c>
      <c r="H1176" s="25" t="s">
        <v>7</v>
      </c>
      <c r="I1176" s="25" t="s">
        <v>9034</v>
      </c>
      <c r="J1176" s="18" t="s">
        <v>5614</v>
      </c>
      <c r="K1176" s="19" t="s">
        <v>5614</v>
      </c>
      <c r="L1176" s="25" t="s">
        <v>2997</v>
      </c>
      <c r="M1176" s="17" t="s">
        <v>4020</v>
      </c>
      <c r="N1176" s="16" t="s">
        <v>10336</v>
      </c>
      <c r="O1176" s="21">
        <v>1950</v>
      </c>
      <c r="P1176" s="21">
        <v>1</v>
      </c>
      <c r="Q1176" s="22" t="s">
        <v>5614</v>
      </c>
      <c r="R1176" s="23">
        <v>44701</v>
      </c>
      <c r="S1176" s="29"/>
      <c r="T1176" s="29"/>
    </row>
    <row r="1177" spans="1:20" ht="14.4" customHeight="1" x14ac:dyDescent="0.2">
      <c r="A1177" s="15" t="s">
        <v>8677</v>
      </c>
      <c r="B1177" s="10" t="s">
        <v>5613</v>
      </c>
      <c r="C1177" s="32">
        <v>1</v>
      </c>
      <c r="D1177" s="26">
        <v>511</v>
      </c>
      <c r="E1177" s="26">
        <v>1503</v>
      </c>
      <c r="F1177" s="25" t="s">
        <v>9943</v>
      </c>
      <c r="G1177" s="26" t="s">
        <v>7336</v>
      </c>
      <c r="H1177" s="25" t="s">
        <v>8</v>
      </c>
      <c r="I1177" s="25" t="s">
        <v>9035</v>
      </c>
      <c r="J1177" s="18" t="s">
        <v>5614</v>
      </c>
      <c r="K1177" s="19" t="s">
        <v>5614</v>
      </c>
      <c r="L1177" s="25" t="s">
        <v>2998</v>
      </c>
      <c r="M1177" s="17" t="s">
        <v>4021</v>
      </c>
      <c r="N1177" s="16" t="s">
        <v>10337</v>
      </c>
      <c r="O1177" s="21">
        <v>1962</v>
      </c>
      <c r="P1177" s="21">
        <v>1</v>
      </c>
      <c r="Q1177" s="22" t="s">
        <v>5614</v>
      </c>
      <c r="R1177" s="23">
        <v>44701</v>
      </c>
      <c r="S1177" s="29"/>
      <c r="T1177" s="29"/>
    </row>
    <row r="1178" spans="1:20" ht="14.4" customHeight="1" x14ac:dyDescent="0.2">
      <c r="A1178" s="15" t="s">
        <v>8678</v>
      </c>
      <c r="B1178" s="10" t="s">
        <v>5613</v>
      </c>
      <c r="C1178" s="32">
        <v>1</v>
      </c>
      <c r="D1178" s="26">
        <v>511</v>
      </c>
      <c r="E1178" s="26">
        <v>1503</v>
      </c>
      <c r="F1178" s="25" t="s">
        <v>10338</v>
      </c>
      <c r="G1178" s="26" t="s">
        <v>7337</v>
      </c>
      <c r="H1178" s="25" t="s">
        <v>9</v>
      </c>
      <c r="I1178" s="25" t="s">
        <v>9036</v>
      </c>
      <c r="J1178" s="18" t="s">
        <v>5614</v>
      </c>
      <c r="K1178" s="19" t="s">
        <v>5614</v>
      </c>
      <c r="L1178" s="25" t="s">
        <v>2999</v>
      </c>
      <c r="M1178" s="17" t="s">
        <v>4022</v>
      </c>
      <c r="N1178" s="16" t="s">
        <v>10339</v>
      </c>
      <c r="O1178" s="21">
        <v>1970</v>
      </c>
      <c r="P1178" s="21">
        <v>1</v>
      </c>
      <c r="Q1178" s="22" t="s">
        <v>5614</v>
      </c>
      <c r="R1178" s="23">
        <v>44701</v>
      </c>
      <c r="S1178" s="29"/>
      <c r="T1178" s="29"/>
    </row>
    <row r="1179" spans="1:20" ht="14.4" customHeight="1" x14ac:dyDescent="0.2">
      <c r="A1179" s="15" t="s">
        <v>8679</v>
      </c>
      <c r="B1179" s="10" t="s">
        <v>5613</v>
      </c>
      <c r="C1179" s="32">
        <v>1</v>
      </c>
      <c r="D1179" s="26">
        <v>511</v>
      </c>
      <c r="E1179" s="26">
        <v>1503</v>
      </c>
      <c r="F1179" s="25" t="s">
        <v>9944</v>
      </c>
      <c r="G1179" s="26" t="s">
        <v>7338</v>
      </c>
      <c r="H1179" s="25" t="s">
        <v>10</v>
      </c>
      <c r="I1179" s="25" t="s">
        <v>10469</v>
      </c>
      <c r="J1179" s="18" t="s">
        <v>5614</v>
      </c>
      <c r="K1179" s="19" t="s">
        <v>5614</v>
      </c>
      <c r="L1179" s="25" t="s">
        <v>3000</v>
      </c>
      <c r="M1179" s="17" t="s">
        <v>4023</v>
      </c>
      <c r="N1179" s="16" t="s">
        <v>10340</v>
      </c>
      <c r="O1179" s="21">
        <v>1971</v>
      </c>
      <c r="P1179" s="21">
        <v>1</v>
      </c>
      <c r="Q1179" s="22" t="s">
        <v>5614</v>
      </c>
      <c r="R1179" s="23">
        <v>44701</v>
      </c>
      <c r="S1179" s="29"/>
      <c r="T1179" s="29"/>
    </row>
    <row r="1180" spans="1:20" ht="14.4" customHeight="1" x14ac:dyDescent="0.2">
      <c r="A1180" s="15" t="s">
        <v>8680</v>
      </c>
      <c r="B1180" s="10" t="s">
        <v>5613</v>
      </c>
      <c r="C1180" s="32">
        <v>1</v>
      </c>
      <c r="D1180" s="26">
        <v>511</v>
      </c>
      <c r="E1180" s="26">
        <v>1503</v>
      </c>
      <c r="F1180" s="25" t="s">
        <v>10341</v>
      </c>
      <c r="G1180" s="26" t="s">
        <v>7339</v>
      </c>
      <c r="H1180" s="25" t="s">
        <v>11</v>
      </c>
      <c r="I1180" s="25" t="s">
        <v>9037</v>
      </c>
      <c r="J1180" s="18" t="s">
        <v>5614</v>
      </c>
      <c r="K1180" s="19" t="s">
        <v>5614</v>
      </c>
      <c r="L1180" s="25" t="s">
        <v>3001</v>
      </c>
      <c r="M1180" s="17" t="s">
        <v>4024</v>
      </c>
      <c r="N1180" s="16" t="s">
        <v>10342</v>
      </c>
      <c r="O1180" s="21">
        <v>1973</v>
      </c>
      <c r="P1180" s="21">
        <v>1</v>
      </c>
      <c r="Q1180" s="22" t="s">
        <v>5614</v>
      </c>
      <c r="R1180" s="23">
        <v>44701</v>
      </c>
      <c r="S1180" s="29"/>
      <c r="T1180" s="29"/>
    </row>
    <row r="1181" spans="1:20" ht="14.4" customHeight="1" x14ac:dyDescent="0.2">
      <c r="A1181" s="15" t="s">
        <v>8681</v>
      </c>
      <c r="B1181" s="10" t="s">
        <v>5613</v>
      </c>
      <c r="C1181" s="32">
        <v>1</v>
      </c>
      <c r="D1181" s="26">
        <v>511</v>
      </c>
      <c r="E1181" s="26">
        <v>1503</v>
      </c>
      <c r="F1181" s="25" t="s">
        <v>9945</v>
      </c>
      <c r="G1181" s="26" t="s">
        <v>7340</v>
      </c>
      <c r="H1181" s="25" t="s">
        <v>12</v>
      </c>
      <c r="I1181" s="25" t="s">
        <v>9038</v>
      </c>
      <c r="J1181" s="18" t="s">
        <v>5614</v>
      </c>
      <c r="K1181" s="19" t="s">
        <v>5614</v>
      </c>
      <c r="L1181" s="25" t="s">
        <v>3002</v>
      </c>
      <c r="M1181" s="17" t="s">
        <v>4025</v>
      </c>
      <c r="N1181" s="16" t="s">
        <v>10343</v>
      </c>
      <c r="O1181" s="21">
        <v>1976</v>
      </c>
      <c r="P1181" s="21">
        <v>1</v>
      </c>
      <c r="Q1181" s="22" t="s">
        <v>5614</v>
      </c>
      <c r="R1181" s="23">
        <v>44701</v>
      </c>
      <c r="S1181" s="29"/>
      <c r="T1181" s="29"/>
    </row>
    <row r="1182" spans="1:20" ht="14.4" customHeight="1" x14ac:dyDescent="0.2">
      <c r="A1182" s="15" t="s">
        <v>8682</v>
      </c>
      <c r="B1182" s="10" t="s">
        <v>5613</v>
      </c>
      <c r="C1182" s="32">
        <v>1</v>
      </c>
      <c r="D1182" s="26">
        <v>511</v>
      </c>
      <c r="E1182" s="26">
        <v>1503</v>
      </c>
      <c r="F1182" s="25" t="s">
        <v>9946</v>
      </c>
      <c r="G1182" s="26" t="s">
        <v>7341</v>
      </c>
      <c r="H1182" s="25" t="s">
        <v>13</v>
      </c>
      <c r="I1182" s="25" t="s">
        <v>9039</v>
      </c>
      <c r="J1182" s="18" t="s">
        <v>5614</v>
      </c>
      <c r="K1182" s="19" t="s">
        <v>5614</v>
      </c>
      <c r="L1182" s="25" t="s">
        <v>3003</v>
      </c>
      <c r="M1182" s="17" t="s">
        <v>4026</v>
      </c>
      <c r="N1182" s="16" t="s">
        <v>10344</v>
      </c>
      <c r="O1182" s="21">
        <v>1977</v>
      </c>
      <c r="P1182" s="21">
        <v>1</v>
      </c>
      <c r="Q1182" s="22" t="s">
        <v>5614</v>
      </c>
      <c r="R1182" s="23">
        <v>44701</v>
      </c>
      <c r="S1182" s="29"/>
      <c r="T1182" s="29"/>
    </row>
    <row r="1183" spans="1:20" ht="14.4" customHeight="1" x14ac:dyDescent="0.2">
      <c r="A1183" s="15" t="s">
        <v>8683</v>
      </c>
      <c r="B1183" s="10" t="s">
        <v>5613</v>
      </c>
      <c r="C1183" s="32">
        <v>1</v>
      </c>
      <c r="D1183" s="26">
        <v>511</v>
      </c>
      <c r="E1183" s="26">
        <v>1503</v>
      </c>
      <c r="F1183" s="25" t="s">
        <v>9947</v>
      </c>
      <c r="G1183" s="26" t="s">
        <v>7342</v>
      </c>
      <c r="H1183" s="25" t="s">
        <v>9328</v>
      </c>
      <c r="I1183" s="25" t="s">
        <v>9403</v>
      </c>
      <c r="J1183" s="18" t="s">
        <v>5614</v>
      </c>
      <c r="K1183" s="19" t="s">
        <v>5614</v>
      </c>
      <c r="L1183" s="25" t="s">
        <v>3004</v>
      </c>
      <c r="M1183" s="17" t="s">
        <v>4027</v>
      </c>
      <c r="N1183" s="16" t="s">
        <v>10345</v>
      </c>
      <c r="O1183" s="21">
        <v>1978</v>
      </c>
      <c r="P1183" s="21">
        <v>1</v>
      </c>
      <c r="Q1183" s="22" t="s">
        <v>5614</v>
      </c>
      <c r="R1183" s="23">
        <v>44701</v>
      </c>
      <c r="S1183" s="29"/>
      <c r="T1183" s="29"/>
    </row>
    <row r="1184" spans="1:20" ht="14.4" customHeight="1" x14ac:dyDescent="0.2">
      <c r="A1184" s="15" t="s">
        <v>8684</v>
      </c>
      <c r="B1184" s="10" t="s">
        <v>5613</v>
      </c>
      <c r="C1184" s="32">
        <v>1</v>
      </c>
      <c r="D1184" s="26">
        <v>511</v>
      </c>
      <c r="E1184" s="26">
        <v>1503</v>
      </c>
      <c r="F1184" s="25" t="s">
        <v>9948</v>
      </c>
      <c r="G1184" s="26" t="s">
        <v>7343</v>
      </c>
      <c r="H1184" s="25" t="s">
        <v>10</v>
      </c>
      <c r="I1184" s="25" t="s">
        <v>9040</v>
      </c>
      <c r="J1184" s="18" t="s">
        <v>5614</v>
      </c>
      <c r="K1184" s="19" t="s">
        <v>5614</v>
      </c>
      <c r="L1184" s="25" t="s">
        <v>3005</v>
      </c>
      <c r="M1184" s="17" t="s">
        <v>4028</v>
      </c>
      <c r="N1184" s="16" t="s">
        <v>10346</v>
      </c>
      <c r="O1184" s="21">
        <v>1980</v>
      </c>
      <c r="P1184" s="21">
        <v>1</v>
      </c>
      <c r="Q1184" s="22" t="s">
        <v>5614</v>
      </c>
      <c r="R1184" s="23">
        <v>44701</v>
      </c>
      <c r="S1184" s="29"/>
      <c r="T1184" s="29"/>
    </row>
    <row r="1185" spans="1:20" ht="14.4" customHeight="1" x14ac:dyDescent="0.2">
      <c r="A1185" s="15" t="s">
        <v>8685</v>
      </c>
      <c r="B1185" s="10" t="s">
        <v>5613</v>
      </c>
      <c r="C1185" s="32">
        <v>1</v>
      </c>
      <c r="D1185" s="26">
        <v>511</v>
      </c>
      <c r="E1185" s="26">
        <v>1503</v>
      </c>
      <c r="F1185" s="25" t="s">
        <v>9949</v>
      </c>
      <c r="G1185" s="26" t="s">
        <v>7344</v>
      </c>
      <c r="H1185" s="25" t="s">
        <v>14</v>
      </c>
      <c r="I1185" s="25" t="s">
        <v>9041</v>
      </c>
      <c r="J1185" s="18" t="s">
        <v>5614</v>
      </c>
      <c r="K1185" s="19" t="s">
        <v>5614</v>
      </c>
      <c r="L1185" s="25" t="s">
        <v>3006</v>
      </c>
      <c r="M1185" s="17" t="s">
        <v>4029</v>
      </c>
      <c r="N1185" s="16" t="s">
        <v>10347</v>
      </c>
      <c r="O1185" s="21">
        <v>1984</v>
      </c>
      <c r="P1185" s="21">
        <v>1</v>
      </c>
      <c r="Q1185" s="22" t="s">
        <v>5614</v>
      </c>
      <c r="R1185" s="23">
        <v>44701</v>
      </c>
      <c r="S1185" s="29"/>
      <c r="T1185" s="29"/>
    </row>
    <row r="1186" spans="1:20" ht="14.4" customHeight="1" x14ac:dyDescent="0.2">
      <c r="A1186" s="15" t="s">
        <v>8686</v>
      </c>
      <c r="B1186" s="10" t="s">
        <v>5613</v>
      </c>
      <c r="C1186" s="32">
        <v>2</v>
      </c>
      <c r="D1186" s="32">
        <v>512</v>
      </c>
      <c r="E1186" s="32">
        <v>1504</v>
      </c>
      <c r="F1186" s="31" t="s">
        <v>9950</v>
      </c>
      <c r="G1186" s="32" t="s">
        <v>7345</v>
      </c>
      <c r="H1186" s="31" t="s">
        <v>15</v>
      </c>
      <c r="I1186" s="31" t="s">
        <v>9042</v>
      </c>
      <c r="J1186" s="19" t="s">
        <v>5614</v>
      </c>
      <c r="K1186" s="19" t="s">
        <v>5614</v>
      </c>
      <c r="L1186" s="31" t="s">
        <v>3007</v>
      </c>
      <c r="M1186" s="31" t="s">
        <v>4030</v>
      </c>
      <c r="N1186" s="16" t="s">
        <v>10348</v>
      </c>
      <c r="O1186" s="21">
        <v>1947</v>
      </c>
      <c r="P1186" s="21">
        <v>1</v>
      </c>
      <c r="Q1186" s="22" t="s">
        <v>9048</v>
      </c>
      <c r="R1186" s="23">
        <v>44701</v>
      </c>
      <c r="S1186" s="29"/>
      <c r="T1186" s="29"/>
    </row>
    <row r="1187" spans="1:20" ht="14.4" customHeight="1" x14ac:dyDescent="0.2">
      <c r="A1187" s="15" t="s">
        <v>8687</v>
      </c>
      <c r="B1187" s="10" t="s">
        <v>5613</v>
      </c>
      <c r="C1187" s="32">
        <v>2</v>
      </c>
      <c r="D1187" s="32">
        <v>512</v>
      </c>
      <c r="E1187" s="32">
        <v>1504</v>
      </c>
      <c r="F1187" s="31" t="s">
        <v>9951</v>
      </c>
      <c r="G1187" s="32" t="s">
        <v>7346</v>
      </c>
      <c r="H1187" s="31" t="s">
        <v>6</v>
      </c>
      <c r="I1187" s="31" t="s">
        <v>9043</v>
      </c>
      <c r="J1187" s="19" t="s">
        <v>5614</v>
      </c>
      <c r="K1187" s="19" t="s">
        <v>5614</v>
      </c>
      <c r="L1187" s="31" t="s">
        <v>3008</v>
      </c>
      <c r="M1187" s="31" t="s">
        <v>4031</v>
      </c>
      <c r="N1187" s="16" t="s">
        <v>10349</v>
      </c>
      <c r="O1187" s="21">
        <v>1967</v>
      </c>
      <c r="P1187" s="21">
        <v>1</v>
      </c>
      <c r="Q1187" s="22" t="s">
        <v>9048</v>
      </c>
      <c r="R1187" s="23">
        <v>44701</v>
      </c>
      <c r="S1187" s="29"/>
      <c r="T1187" s="29"/>
    </row>
    <row r="1188" spans="1:20" ht="14.4" customHeight="1" x14ac:dyDescent="0.2">
      <c r="A1188" s="15" t="s">
        <v>8688</v>
      </c>
      <c r="B1188" s="10" t="s">
        <v>5613</v>
      </c>
      <c r="C1188" s="32">
        <v>2</v>
      </c>
      <c r="D1188" s="32">
        <v>512</v>
      </c>
      <c r="E1188" s="32">
        <v>1504</v>
      </c>
      <c r="F1188" s="31" t="s">
        <v>9952</v>
      </c>
      <c r="G1188" s="32" t="s">
        <v>7347</v>
      </c>
      <c r="H1188" s="31" t="s">
        <v>10</v>
      </c>
      <c r="I1188" s="31" t="s">
        <v>10470</v>
      </c>
      <c r="J1188" s="19" t="s">
        <v>5614</v>
      </c>
      <c r="K1188" s="19" t="s">
        <v>5614</v>
      </c>
      <c r="L1188" s="31" t="s">
        <v>3009</v>
      </c>
      <c r="M1188" s="31" t="s">
        <v>4032</v>
      </c>
      <c r="N1188" s="16" t="s">
        <v>10350</v>
      </c>
      <c r="O1188" s="21">
        <v>1972</v>
      </c>
      <c r="P1188" s="21">
        <v>1</v>
      </c>
      <c r="Q1188" s="22" t="s">
        <v>9048</v>
      </c>
      <c r="R1188" s="23">
        <v>44701</v>
      </c>
      <c r="S1188" s="29"/>
      <c r="T1188" s="29"/>
    </row>
    <row r="1189" spans="1:20" ht="14.4" customHeight="1" x14ac:dyDescent="0.2">
      <c r="A1189" s="15" t="s">
        <v>8689</v>
      </c>
      <c r="B1189" s="10" t="s">
        <v>5613</v>
      </c>
      <c r="C1189" s="32">
        <v>2</v>
      </c>
      <c r="D1189" s="32">
        <v>512</v>
      </c>
      <c r="E1189" s="32">
        <v>1504</v>
      </c>
      <c r="F1189" s="31" t="s">
        <v>9953</v>
      </c>
      <c r="G1189" s="32" t="s">
        <v>7348</v>
      </c>
      <c r="H1189" s="31" t="s">
        <v>7</v>
      </c>
      <c r="I1189" s="31" t="s">
        <v>9044</v>
      </c>
      <c r="J1189" s="19" t="s">
        <v>5614</v>
      </c>
      <c r="K1189" s="19" t="s">
        <v>5614</v>
      </c>
      <c r="L1189" s="31" t="s">
        <v>3010</v>
      </c>
      <c r="M1189" s="31" t="s">
        <v>4033</v>
      </c>
      <c r="N1189" s="16" t="s">
        <v>10351</v>
      </c>
      <c r="O1189" s="21">
        <v>1977</v>
      </c>
      <c r="P1189" s="21">
        <v>1</v>
      </c>
      <c r="Q1189" s="22" t="s">
        <v>9048</v>
      </c>
      <c r="R1189" s="23">
        <v>44701</v>
      </c>
      <c r="S1189" s="29"/>
      <c r="T1189" s="29"/>
    </row>
    <row r="1190" spans="1:20" ht="14.4" customHeight="1" x14ac:dyDescent="0.2">
      <c r="A1190" s="15" t="s">
        <v>8690</v>
      </c>
      <c r="B1190" s="10" t="s">
        <v>5613</v>
      </c>
      <c r="C1190" s="32">
        <v>2</v>
      </c>
      <c r="D1190" s="32">
        <v>512</v>
      </c>
      <c r="E1190" s="32">
        <v>1504</v>
      </c>
      <c r="F1190" s="31" t="s">
        <v>9954</v>
      </c>
      <c r="G1190" s="32" t="s">
        <v>7349</v>
      </c>
      <c r="H1190" s="31" t="s">
        <v>12</v>
      </c>
      <c r="I1190" s="31" t="s">
        <v>9045</v>
      </c>
      <c r="J1190" s="19" t="s">
        <v>5614</v>
      </c>
      <c r="K1190" s="19" t="s">
        <v>5614</v>
      </c>
      <c r="L1190" s="31" t="s">
        <v>3011</v>
      </c>
      <c r="M1190" s="31" t="s">
        <v>4034</v>
      </c>
      <c r="N1190" s="16" t="s">
        <v>10352</v>
      </c>
      <c r="O1190" s="21">
        <v>1979</v>
      </c>
      <c r="P1190" s="21">
        <v>1</v>
      </c>
      <c r="Q1190" s="22" t="s">
        <v>9048</v>
      </c>
      <c r="R1190" s="23">
        <v>44701</v>
      </c>
      <c r="S1190" s="29"/>
      <c r="T1190" s="29"/>
    </row>
    <row r="1191" spans="1:20" ht="14.4" customHeight="1" x14ac:dyDescent="0.2">
      <c r="A1191" s="15" t="s">
        <v>8691</v>
      </c>
      <c r="B1191" s="10" t="s">
        <v>10353</v>
      </c>
      <c r="C1191" s="32">
        <v>2</v>
      </c>
      <c r="D1191" s="32">
        <v>512</v>
      </c>
      <c r="E1191" s="32">
        <v>1504</v>
      </c>
      <c r="F1191" s="31" t="s">
        <v>9955</v>
      </c>
      <c r="G1191" s="32" t="s">
        <v>7350</v>
      </c>
      <c r="H1191" s="31" t="s">
        <v>16</v>
      </c>
      <c r="I1191" s="31" t="s">
        <v>9046</v>
      </c>
      <c r="J1191" s="19" t="s">
        <v>5614</v>
      </c>
      <c r="K1191" s="19" t="s">
        <v>5614</v>
      </c>
      <c r="L1191" s="31" t="s">
        <v>3012</v>
      </c>
      <c r="M1191" s="31" t="s">
        <v>4035</v>
      </c>
      <c r="N1191" s="16" t="s">
        <v>10354</v>
      </c>
      <c r="O1191" s="21">
        <v>1986</v>
      </c>
      <c r="P1191" s="21">
        <v>1</v>
      </c>
      <c r="Q1191" s="22" t="s">
        <v>9048</v>
      </c>
      <c r="R1191" s="23">
        <v>44701</v>
      </c>
      <c r="S1191" s="29"/>
      <c r="T1191" s="29"/>
    </row>
    <row r="1192" spans="1:20" ht="14.4" customHeight="1" x14ac:dyDescent="0.2">
      <c r="A1192" s="15" t="s">
        <v>8692</v>
      </c>
      <c r="B1192" s="10" t="s">
        <v>1817</v>
      </c>
      <c r="C1192" s="16">
        <v>1</v>
      </c>
      <c r="D1192" s="17">
        <v>511</v>
      </c>
      <c r="E1192" s="17">
        <v>1503</v>
      </c>
      <c r="F1192" s="25" t="s">
        <v>1381</v>
      </c>
      <c r="G1192" s="26" t="s">
        <v>7351</v>
      </c>
      <c r="H1192" s="25" t="s">
        <v>1382</v>
      </c>
      <c r="I1192" s="25" t="s">
        <v>5138</v>
      </c>
      <c r="J1192" s="18"/>
      <c r="K1192" s="19"/>
      <c r="L1192" s="25" t="s">
        <v>3013</v>
      </c>
      <c r="M1192" s="17" t="s">
        <v>4036</v>
      </c>
      <c r="N1192" s="20" t="s">
        <v>10355</v>
      </c>
      <c r="O1192" s="19">
        <v>1873</v>
      </c>
      <c r="P1192" s="19">
        <v>1</v>
      </c>
      <c r="Q1192" s="22"/>
      <c r="R1192" s="23">
        <v>44701</v>
      </c>
      <c r="S1192" s="29"/>
      <c r="T1192" s="29"/>
    </row>
    <row r="1193" spans="1:20" ht="14.4" customHeight="1" x14ac:dyDescent="0.2">
      <c r="A1193" s="15" t="s">
        <v>8693</v>
      </c>
      <c r="B1193" s="10" t="s">
        <v>1817</v>
      </c>
      <c r="C1193" s="16">
        <v>1</v>
      </c>
      <c r="D1193" s="17">
        <v>511</v>
      </c>
      <c r="E1193" s="17">
        <v>1503</v>
      </c>
      <c r="F1193" s="25" t="s">
        <v>1383</v>
      </c>
      <c r="G1193" s="26" t="s">
        <v>7352</v>
      </c>
      <c r="H1193" s="25" t="s">
        <v>1384</v>
      </c>
      <c r="I1193" s="25" t="s">
        <v>5139</v>
      </c>
      <c r="J1193" s="18"/>
      <c r="K1193" s="19"/>
      <c r="L1193" s="25" t="s">
        <v>3014</v>
      </c>
      <c r="M1193" s="17" t="s">
        <v>4037</v>
      </c>
      <c r="N1193" s="20" t="s">
        <v>10356</v>
      </c>
      <c r="O1193" s="19">
        <v>1901</v>
      </c>
      <c r="P1193" s="19">
        <v>1</v>
      </c>
      <c r="Q1193" s="22"/>
      <c r="R1193" s="23">
        <v>44701</v>
      </c>
      <c r="S1193" s="29"/>
      <c r="T1193" s="29"/>
    </row>
    <row r="1194" spans="1:20" ht="14.4" customHeight="1" x14ac:dyDescent="0.2">
      <c r="A1194" s="15" t="s">
        <v>8694</v>
      </c>
      <c r="B1194" s="10" t="s">
        <v>1817</v>
      </c>
      <c r="C1194" s="16">
        <v>1</v>
      </c>
      <c r="D1194" s="17">
        <v>511</v>
      </c>
      <c r="E1194" s="17">
        <v>1503</v>
      </c>
      <c r="F1194" s="25" t="s">
        <v>1385</v>
      </c>
      <c r="G1194" s="26" t="s">
        <v>7353</v>
      </c>
      <c r="H1194" s="25" t="s">
        <v>1386</v>
      </c>
      <c r="I1194" s="25" t="s">
        <v>5140</v>
      </c>
      <c r="J1194" s="18"/>
      <c r="K1194" s="19"/>
      <c r="L1194" s="25" t="s">
        <v>3015</v>
      </c>
      <c r="M1194" s="17" t="s">
        <v>4038</v>
      </c>
      <c r="N1194" s="20" t="s">
        <v>10357</v>
      </c>
      <c r="O1194" s="19">
        <v>1875</v>
      </c>
      <c r="P1194" s="19">
        <v>1</v>
      </c>
      <c r="Q1194" s="22"/>
      <c r="R1194" s="23">
        <v>44701</v>
      </c>
      <c r="S1194" s="29"/>
      <c r="T1194" s="29"/>
    </row>
    <row r="1195" spans="1:20" ht="14.4" customHeight="1" x14ac:dyDescent="0.2">
      <c r="A1195" s="15" t="s">
        <v>8695</v>
      </c>
      <c r="B1195" s="10" t="s">
        <v>1817</v>
      </c>
      <c r="C1195" s="16">
        <v>1</v>
      </c>
      <c r="D1195" s="17">
        <v>511</v>
      </c>
      <c r="E1195" s="17">
        <v>1503</v>
      </c>
      <c r="F1195" s="25" t="s">
        <v>1387</v>
      </c>
      <c r="G1195" s="26" t="s">
        <v>7354</v>
      </c>
      <c r="H1195" s="25" t="s">
        <v>1388</v>
      </c>
      <c r="I1195" s="25" t="s">
        <v>5141</v>
      </c>
      <c r="J1195" s="18"/>
      <c r="K1195" s="19"/>
      <c r="L1195" s="25" t="s">
        <v>3016</v>
      </c>
      <c r="M1195" s="17" t="s">
        <v>4039</v>
      </c>
      <c r="N1195" s="20" t="s">
        <v>5611</v>
      </c>
      <c r="O1195" s="19">
        <v>1974</v>
      </c>
      <c r="P1195" s="19">
        <v>1</v>
      </c>
      <c r="Q1195" s="22"/>
      <c r="R1195" s="23">
        <v>44701</v>
      </c>
      <c r="S1195" s="29"/>
      <c r="T1195" s="29"/>
    </row>
    <row r="1196" spans="1:20" ht="14.4" customHeight="1" x14ac:dyDescent="0.2">
      <c r="A1196" s="15" t="s">
        <v>8696</v>
      </c>
      <c r="B1196" s="10" t="s">
        <v>1817</v>
      </c>
      <c r="C1196" s="16">
        <v>1</v>
      </c>
      <c r="D1196" s="17">
        <v>511</v>
      </c>
      <c r="E1196" s="17">
        <v>1503</v>
      </c>
      <c r="F1196" s="25" t="s">
        <v>1389</v>
      </c>
      <c r="G1196" s="26" t="s">
        <v>7355</v>
      </c>
      <c r="H1196" s="25" t="s">
        <v>1390</v>
      </c>
      <c r="I1196" s="25" t="s">
        <v>5142</v>
      </c>
      <c r="J1196" s="18"/>
      <c r="K1196" s="19"/>
      <c r="L1196" s="25" t="s">
        <v>3017</v>
      </c>
      <c r="M1196" s="17" t="s">
        <v>4040</v>
      </c>
      <c r="N1196" s="20" t="s">
        <v>10358</v>
      </c>
      <c r="O1196" s="19">
        <v>1978</v>
      </c>
      <c r="P1196" s="19">
        <v>1</v>
      </c>
      <c r="Q1196" s="22"/>
      <c r="R1196" s="23">
        <v>44701</v>
      </c>
      <c r="S1196" s="29"/>
      <c r="T1196" s="29"/>
    </row>
    <row r="1197" spans="1:20" ht="14.4" customHeight="1" x14ac:dyDescent="0.2">
      <c r="A1197" s="15" t="s">
        <v>8697</v>
      </c>
      <c r="B1197" s="10" t="s">
        <v>1817</v>
      </c>
      <c r="C1197" s="16">
        <v>2</v>
      </c>
      <c r="D1197" s="16">
        <v>512</v>
      </c>
      <c r="E1197" s="16">
        <v>1504</v>
      </c>
      <c r="F1197" s="31" t="s">
        <v>10359</v>
      </c>
      <c r="G1197" s="32" t="s">
        <v>7356</v>
      </c>
      <c r="H1197" s="31" t="s">
        <v>1382</v>
      </c>
      <c r="I1197" s="31" t="s">
        <v>5143</v>
      </c>
      <c r="J1197" s="19"/>
      <c r="K1197" s="19"/>
      <c r="L1197" s="31" t="s">
        <v>10360</v>
      </c>
      <c r="M1197" s="31" t="s">
        <v>4041</v>
      </c>
      <c r="N1197" s="20" t="s">
        <v>5612</v>
      </c>
      <c r="O1197" s="19">
        <v>1947</v>
      </c>
      <c r="P1197" s="19">
        <v>1</v>
      </c>
      <c r="Q1197" s="22"/>
      <c r="R1197" s="23">
        <v>44701</v>
      </c>
      <c r="S1197" s="29"/>
      <c r="T1197" s="29"/>
    </row>
    <row r="1198" spans="1:20" ht="14.4" customHeight="1" x14ac:dyDescent="0.2">
      <c r="A1198" s="15" t="s">
        <v>8698</v>
      </c>
      <c r="B1198" s="10" t="s">
        <v>1817</v>
      </c>
      <c r="C1198" s="16">
        <v>2</v>
      </c>
      <c r="D1198" s="16">
        <v>512</v>
      </c>
      <c r="E1198" s="16">
        <v>1504</v>
      </c>
      <c r="F1198" s="31" t="s">
        <v>9107</v>
      </c>
      <c r="G1198" s="32" t="s">
        <v>7357</v>
      </c>
      <c r="H1198" s="31" t="s">
        <v>1386</v>
      </c>
      <c r="I1198" s="31" t="s">
        <v>5144</v>
      </c>
      <c r="J1198" s="19"/>
      <c r="K1198" s="19"/>
      <c r="L1198" s="31" t="s">
        <v>3018</v>
      </c>
      <c r="M1198" s="31" t="s">
        <v>4042</v>
      </c>
      <c r="N1198" s="20" t="s">
        <v>9108</v>
      </c>
      <c r="O1198" s="19">
        <v>1947</v>
      </c>
      <c r="P1198" s="19">
        <v>1</v>
      </c>
      <c r="Q1198" s="22"/>
      <c r="R1198" s="23">
        <v>44701</v>
      </c>
      <c r="S1198" s="29"/>
      <c r="T1198" s="29"/>
    </row>
    <row r="1199" spans="1:20" ht="14.4" customHeight="1" x14ac:dyDescent="0.2">
      <c r="A1199" s="15" t="s">
        <v>8699</v>
      </c>
      <c r="B1199" s="10" t="s">
        <v>1817</v>
      </c>
      <c r="C1199" s="16">
        <v>2</v>
      </c>
      <c r="D1199" s="16">
        <v>512</v>
      </c>
      <c r="E1199" s="16">
        <v>1504</v>
      </c>
      <c r="F1199" s="31" t="s">
        <v>1777</v>
      </c>
      <c r="G1199" s="32" t="s">
        <v>7358</v>
      </c>
      <c r="H1199" s="31" t="s">
        <v>1778</v>
      </c>
      <c r="I1199" s="31" t="s">
        <v>5145</v>
      </c>
      <c r="J1199" s="19"/>
      <c r="K1199" s="19"/>
      <c r="L1199" s="31" t="s">
        <v>3019</v>
      </c>
      <c r="M1199" s="16" t="s">
        <v>4043</v>
      </c>
      <c r="N1199" s="20" t="s">
        <v>10361</v>
      </c>
      <c r="O1199" s="19">
        <v>1982</v>
      </c>
      <c r="P1199" s="19">
        <v>1</v>
      </c>
      <c r="Q1199" s="22"/>
      <c r="R1199" s="23">
        <v>44701</v>
      </c>
      <c r="S1199" s="29"/>
      <c r="T1199" s="29"/>
    </row>
    <row r="1200" spans="1:20" ht="14.4" customHeight="1" x14ac:dyDescent="0.2">
      <c r="A1200" s="15" t="s">
        <v>9017</v>
      </c>
      <c r="B1200" s="10" t="s">
        <v>5615</v>
      </c>
      <c r="C1200" s="32">
        <v>1</v>
      </c>
      <c r="D1200" s="26">
        <v>511</v>
      </c>
      <c r="E1200" s="26">
        <v>1503</v>
      </c>
      <c r="F1200" s="25" t="s">
        <v>1391</v>
      </c>
      <c r="G1200" s="26" t="s">
        <v>5616</v>
      </c>
      <c r="H1200" s="25" t="s">
        <v>1392</v>
      </c>
      <c r="I1200" s="25" t="s">
        <v>5146</v>
      </c>
      <c r="J1200" s="65">
        <v>35.439449000000003</v>
      </c>
      <c r="K1200" s="21">
        <v>139.434056</v>
      </c>
      <c r="L1200" s="25" t="s">
        <v>3020</v>
      </c>
      <c r="M1200" s="17" t="s">
        <v>9956</v>
      </c>
      <c r="N1200" s="54" t="s">
        <v>10600</v>
      </c>
      <c r="O1200" s="21">
        <v>1900</v>
      </c>
      <c r="P1200" s="21">
        <v>1</v>
      </c>
      <c r="Q1200" s="22" t="s">
        <v>5614</v>
      </c>
      <c r="R1200" s="23">
        <v>45065</v>
      </c>
      <c r="S1200" s="29"/>
      <c r="T1200" s="29"/>
    </row>
    <row r="1201" spans="1:20" ht="14.4" customHeight="1" x14ac:dyDescent="0.2">
      <c r="A1201" s="15" t="s">
        <v>9957</v>
      </c>
      <c r="B1201" s="10" t="s">
        <v>5615</v>
      </c>
      <c r="C1201" s="32">
        <v>1</v>
      </c>
      <c r="D1201" s="26">
        <v>511</v>
      </c>
      <c r="E1201" s="26">
        <v>1503</v>
      </c>
      <c r="F1201" s="25" t="s">
        <v>1393</v>
      </c>
      <c r="G1201" s="26" t="s">
        <v>5617</v>
      </c>
      <c r="H1201" s="25" t="s">
        <v>1394</v>
      </c>
      <c r="I1201" s="25" t="s">
        <v>5147</v>
      </c>
      <c r="J1201" s="65">
        <v>35.456265000000002</v>
      </c>
      <c r="K1201" s="21">
        <v>139.42688899999999</v>
      </c>
      <c r="L1201" s="25" t="s">
        <v>3021</v>
      </c>
      <c r="M1201" s="17" t="s">
        <v>9958</v>
      </c>
      <c r="N1201" s="54" t="s">
        <v>10601</v>
      </c>
      <c r="O1201" s="21">
        <v>1966</v>
      </c>
      <c r="P1201" s="21">
        <v>1</v>
      </c>
      <c r="Q1201" s="22" t="s">
        <v>5614</v>
      </c>
      <c r="R1201" s="23">
        <v>45065</v>
      </c>
      <c r="S1201" s="29"/>
      <c r="T1201" s="29"/>
    </row>
    <row r="1202" spans="1:20" ht="14.4" customHeight="1" x14ac:dyDescent="0.2">
      <c r="A1202" s="15" t="s">
        <v>9210</v>
      </c>
      <c r="B1202" s="10" t="s">
        <v>5615</v>
      </c>
      <c r="C1202" s="32">
        <v>1</v>
      </c>
      <c r="D1202" s="26">
        <v>511</v>
      </c>
      <c r="E1202" s="26">
        <v>1503</v>
      </c>
      <c r="F1202" s="25" t="s">
        <v>1395</v>
      </c>
      <c r="G1202" s="26" t="s">
        <v>5618</v>
      </c>
      <c r="H1202" s="25" t="s">
        <v>1396</v>
      </c>
      <c r="I1202" s="25" t="s">
        <v>5148</v>
      </c>
      <c r="J1202" s="65">
        <v>35.433225</v>
      </c>
      <c r="K1202" s="21">
        <v>139.417427</v>
      </c>
      <c r="L1202" s="25" t="s">
        <v>3022</v>
      </c>
      <c r="M1202" s="17" t="s">
        <v>9959</v>
      </c>
      <c r="N1202" s="54" t="s">
        <v>10602</v>
      </c>
      <c r="O1202" s="21">
        <v>1970</v>
      </c>
      <c r="P1202" s="21">
        <v>1</v>
      </c>
      <c r="Q1202" s="22" t="s">
        <v>5614</v>
      </c>
      <c r="R1202" s="23">
        <v>45065</v>
      </c>
      <c r="S1202" s="29"/>
      <c r="T1202" s="29"/>
    </row>
    <row r="1203" spans="1:20" ht="14.4" customHeight="1" x14ac:dyDescent="0.2">
      <c r="A1203" s="15" t="s">
        <v>9018</v>
      </c>
      <c r="B1203" s="10" t="s">
        <v>5615</v>
      </c>
      <c r="C1203" s="32">
        <v>1</v>
      </c>
      <c r="D1203" s="26">
        <v>511</v>
      </c>
      <c r="E1203" s="26">
        <v>1503</v>
      </c>
      <c r="F1203" s="25" t="s">
        <v>1397</v>
      </c>
      <c r="G1203" s="26" t="s">
        <v>5619</v>
      </c>
      <c r="H1203" s="25" t="s">
        <v>1398</v>
      </c>
      <c r="I1203" s="25" t="s">
        <v>5149</v>
      </c>
      <c r="J1203" s="65">
        <v>35.449938000000003</v>
      </c>
      <c r="K1203" s="21">
        <v>139.41225499999999</v>
      </c>
      <c r="L1203" s="25" t="s">
        <v>3023</v>
      </c>
      <c r="M1203" s="17" t="s">
        <v>9960</v>
      </c>
      <c r="N1203" s="54" t="s">
        <v>10603</v>
      </c>
      <c r="O1203" s="21">
        <v>1971</v>
      </c>
      <c r="P1203" s="21">
        <v>1</v>
      </c>
      <c r="Q1203" s="22" t="s">
        <v>5614</v>
      </c>
      <c r="R1203" s="23">
        <v>45065</v>
      </c>
      <c r="S1203" s="29"/>
      <c r="T1203" s="29"/>
    </row>
    <row r="1204" spans="1:20" ht="14.4" customHeight="1" x14ac:dyDescent="0.2">
      <c r="A1204" s="15" t="s">
        <v>9961</v>
      </c>
      <c r="B1204" s="10" t="s">
        <v>5615</v>
      </c>
      <c r="C1204" s="32">
        <v>1</v>
      </c>
      <c r="D1204" s="26">
        <v>511</v>
      </c>
      <c r="E1204" s="26">
        <v>1503</v>
      </c>
      <c r="F1204" s="25" t="s">
        <v>1399</v>
      </c>
      <c r="G1204" s="26" t="s">
        <v>5620</v>
      </c>
      <c r="H1204" s="25" t="s">
        <v>1400</v>
      </c>
      <c r="I1204" s="25" t="s">
        <v>5150</v>
      </c>
      <c r="J1204" s="65">
        <v>35.418118</v>
      </c>
      <c r="K1204" s="21">
        <v>139.44680199999999</v>
      </c>
      <c r="L1204" s="25" t="s">
        <v>3024</v>
      </c>
      <c r="M1204" s="17" t="s">
        <v>9962</v>
      </c>
      <c r="N1204" s="54" t="s">
        <v>10604</v>
      </c>
      <c r="O1204" s="21">
        <v>1972</v>
      </c>
      <c r="P1204" s="21">
        <v>1</v>
      </c>
      <c r="Q1204" s="22" t="s">
        <v>5614</v>
      </c>
      <c r="R1204" s="23">
        <v>45065</v>
      </c>
      <c r="S1204" s="29"/>
      <c r="T1204" s="29"/>
    </row>
    <row r="1205" spans="1:20" ht="14.4" customHeight="1" x14ac:dyDescent="0.2">
      <c r="A1205" s="15" t="s">
        <v>9019</v>
      </c>
      <c r="B1205" s="10" t="s">
        <v>5615</v>
      </c>
      <c r="C1205" s="32">
        <v>1</v>
      </c>
      <c r="D1205" s="26">
        <v>511</v>
      </c>
      <c r="E1205" s="26">
        <v>1503</v>
      </c>
      <c r="F1205" s="25" t="s">
        <v>1401</v>
      </c>
      <c r="G1205" s="26" t="s">
        <v>5621</v>
      </c>
      <c r="H1205" s="25" t="s">
        <v>1402</v>
      </c>
      <c r="I1205" s="25" t="s">
        <v>5151</v>
      </c>
      <c r="J1205" s="65">
        <v>35.456457999999998</v>
      </c>
      <c r="K1205" s="21">
        <v>139.41772700000001</v>
      </c>
      <c r="L1205" s="25" t="s">
        <v>3025</v>
      </c>
      <c r="M1205" s="17" t="s">
        <v>9963</v>
      </c>
      <c r="N1205" s="54" t="s">
        <v>10605</v>
      </c>
      <c r="O1205" s="21">
        <v>1974</v>
      </c>
      <c r="P1205" s="21">
        <v>1</v>
      </c>
      <c r="Q1205" s="22" t="s">
        <v>5614</v>
      </c>
      <c r="R1205" s="23">
        <v>45065</v>
      </c>
      <c r="S1205" s="29"/>
      <c r="T1205" s="29"/>
    </row>
    <row r="1206" spans="1:20" ht="14.4" customHeight="1" x14ac:dyDescent="0.2">
      <c r="A1206" s="15" t="s">
        <v>9211</v>
      </c>
      <c r="B1206" s="10" t="s">
        <v>5615</v>
      </c>
      <c r="C1206" s="32">
        <v>1</v>
      </c>
      <c r="D1206" s="26">
        <v>511</v>
      </c>
      <c r="E1206" s="26">
        <v>1503</v>
      </c>
      <c r="F1206" s="25" t="s">
        <v>1403</v>
      </c>
      <c r="G1206" s="26" t="s">
        <v>5622</v>
      </c>
      <c r="H1206" s="25" t="s">
        <v>1404</v>
      </c>
      <c r="I1206" s="25" t="s">
        <v>10643</v>
      </c>
      <c r="J1206" s="65">
        <v>35.465651000000001</v>
      </c>
      <c r="K1206" s="21">
        <v>139.434099</v>
      </c>
      <c r="L1206" s="25" t="s">
        <v>3026</v>
      </c>
      <c r="M1206" s="17" t="s">
        <v>9964</v>
      </c>
      <c r="N1206" s="54" t="s">
        <v>10606</v>
      </c>
      <c r="O1206" s="21">
        <v>1976</v>
      </c>
      <c r="P1206" s="21">
        <v>1</v>
      </c>
      <c r="Q1206" s="22" t="s">
        <v>5614</v>
      </c>
      <c r="R1206" s="23">
        <v>45065</v>
      </c>
      <c r="S1206" s="29"/>
      <c r="T1206" s="29"/>
    </row>
    <row r="1207" spans="1:20" ht="14.4" customHeight="1" x14ac:dyDescent="0.2">
      <c r="A1207" s="15" t="s">
        <v>9020</v>
      </c>
      <c r="B1207" s="10" t="s">
        <v>5615</v>
      </c>
      <c r="C1207" s="32">
        <v>1</v>
      </c>
      <c r="D1207" s="26">
        <v>511</v>
      </c>
      <c r="E1207" s="26">
        <v>1503</v>
      </c>
      <c r="F1207" s="25" t="s">
        <v>1405</v>
      </c>
      <c r="G1207" s="26" t="s">
        <v>5623</v>
      </c>
      <c r="H1207" s="25" t="s">
        <v>1406</v>
      </c>
      <c r="I1207" s="25" t="s">
        <v>5152</v>
      </c>
      <c r="J1207" s="65">
        <v>35.420985999999999</v>
      </c>
      <c r="K1207" s="21">
        <v>139.43465699999999</v>
      </c>
      <c r="L1207" s="25" t="s">
        <v>3027</v>
      </c>
      <c r="M1207" s="17" t="s">
        <v>9965</v>
      </c>
      <c r="N1207" s="54" t="s">
        <v>10607</v>
      </c>
      <c r="O1207" s="21">
        <v>1977</v>
      </c>
      <c r="P1207" s="21">
        <v>1</v>
      </c>
      <c r="Q1207" s="22" t="s">
        <v>5614</v>
      </c>
      <c r="R1207" s="23">
        <v>45065</v>
      </c>
      <c r="S1207" s="29"/>
      <c r="T1207" s="29"/>
    </row>
    <row r="1208" spans="1:20" ht="14.4" customHeight="1" x14ac:dyDescent="0.2">
      <c r="A1208" s="15" t="s">
        <v>9021</v>
      </c>
      <c r="B1208" s="10" t="s">
        <v>5615</v>
      </c>
      <c r="C1208" s="32">
        <v>1</v>
      </c>
      <c r="D1208" s="26">
        <v>511</v>
      </c>
      <c r="E1208" s="26">
        <v>1503</v>
      </c>
      <c r="F1208" s="25" t="s">
        <v>1407</v>
      </c>
      <c r="G1208" s="26" t="s">
        <v>5624</v>
      </c>
      <c r="H1208" s="25" t="s">
        <v>1408</v>
      </c>
      <c r="I1208" s="25" t="s">
        <v>5153</v>
      </c>
      <c r="J1208" s="65">
        <v>35.411858000000002</v>
      </c>
      <c r="K1208" s="21">
        <v>139.44263900000001</v>
      </c>
      <c r="L1208" s="25" t="s">
        <v>3028</v>
      </c>
      <c r="M1208" s="17" t="s">
        <v>9966</v>
      </c>
      <c r="N1208" s="54" t="s">
        <v>10608</v>
      </c>
      <c r="O1208" s="21">
        <v>1981</v>
      </c>
      <c r="P1208" s="21">
        <v>1</v>
      </c>
      <c r="Q1208" s="22" t="s">
        <v>5614</v>
      </c>
      <c r="R1208" s="23">
        <v>45065</v>
      </c>
      <c r="S1208" s="29"/>
      <c r="T1208" s="29"/>
    </row>
    <row r="1209" spans="1:20" ht="14.4" customHeight="1" x14ac:dyDescent="0.2">
      <c r="A1209" s="15" t="s">
        <v>9022</v>
      </c>
      <c r="B1209" s="10" t="s">
        <v>5615</v>
      </c>
      <c r="C1209" s="32">
        <v>1</v>
      </c>
      <c r="D1209" s="26">
        <v>511</v>
      </c>
      <c r="E1209" s="26">
        <v>1503</v>
      </c>
      <c r="F1209" s="25" t="s">
        <v>1409</v>
      </c>
      <c r="G1209" s="26" t="s">
        <v>5625</v>
      </c>
      <c r="H1209" s="25" t="s">
        <v>1410</v>
      </c>
      <c r="I1209" s="25" t="s">
        <v>5154</v>
      </c>
      <c r="J1209" s="65">
        <v>35.447316000000001</v>
      </c>
      <c r="K1209" s="21">
        <v>139.42783399999999</v>
      </c>
      <c r="L1209" s="25" t="s">
        <v>3029</v>
      </c>
      <c r="M1209" s="17" t="s">
        <v>9967</v>
      </c>
      <c r="N1209" s="54" t="s">
        <v>10609</v>
      </c>
      <c r="O1209" s="21">
        <v>1982</v>
      </c>
      <c r="P1209" s="21">
        <v>1</v>
      </c>
      <c r="Q1209" s="22" t="s">
        <v>5614</v>
      </c>
      <c r="R1209" s="23">
        <v>45065</v>
      </c>
      <c r="S1209" s="29"/>
      <c r="T1209" s="29"/>
    </row>
    <row r="1210" spans="1:20" ht="14.4" customHeight="1" x14ac:dyDescent="0.2">
      <c r="A1210" s="15" t="s">
        <v>9023</v>
      </c>
      <c r="B1210" s="10" t="s">
        <v>5615</v>
      </c>
      <c r="C1210" s="32">
        <v>2</v>
      </c>
      <c r="D1210" s="32">
        <v>512</v>
      </c>
      <c r="E1210" s="32">
        <v>1504</v>
      </c>
      <c r="F1210" s="31" t="s">
        <v>5626</v>
      </c>
      <c r="G1210" s="32" t="s">
        <v>5627</v>
      </c>
      <c r="H1210" s="31" t="s">
        <v>5628</v>
      </c>
      <c r="I1210" s="31" t="s">
        <v>5155</v>
      </c>
      <c r="J1210" s="21">
        <v>35.430813000000001</v>
      </c>
      <c r="K1210" s="21">
        <v>139.43916300000001</v>
      </c>
      <c r="L1210" s="31" t="s">
        <v>3030</v>
      </c>
      <c r="M1210" s="17" t="s">
        <v>9968</v>
      </c>
      <c r="N1210" s="54" t="s">
        <v>10610</v>
      </c>
      <c r="O1210" s="21">
        <v>1947</v>
      </c>
      <c r="P1210" s="21">
        <v>1</v>
      </c>
      <c r="Q1210" s="22" t="s">
        <v>5614</v>
      </c>
      <c r="R1210" s="23">
        <v>45065</v>
      </c>
      <c r="S1210" s="29"/>
      <c r="T1210" s="29"/>
    </row>
    <row r="1211" spans="1:20" ht="14.4" customHeight="1" x14ac:dyDescent="0.2">
      <c r="A1211" s="15" t="s">
        <v>9024</v>
      </c>
      <c r="B1211" s="10" t="s">
        <v>5615</v>
      </c>
      <c r="C1211" s="32">
        <v>2</v>
      </c>
      <c r="D1211" s="32">
        <v>512</v>
      </c>
      <c r="E1211" s="32">
        <v>1504</v>
      </c>
      <c r="F1211" s="31" t="s">
        <v>5629</v>
      </c>
      <c r="G1211" s="32" t="s">
        <v>5630</v>
      </c>
      <c r="H1211" s="31" t="s">
        <v>5631</v>
      </c>
      <c r="I1211" s="31" t="s">
        <v>5156</v>
      </c>
      <c r="J1211" s="21">
        <v>35.449064</v>
      </c>
      <c r="K1211" s="21">
        <v>139.431353</v>
      </c>
      <c r="L1211" s="31" t="s">
        <v>3031</v>
      </c>
      <c r="M1211" s="17" t="s">
        <v>9969</v>
      </c>
      <c r="N1211" s="54" t="s">
        <v>10611</v>
      </c>
      <c r="O1211" s="21">
        <v>1973</v>
      </c>
      <c r="P1211" s="21">
        <v>1</v>
      </c>
      <c r="Q1211" s="22" t="s">
        <v>5614</v>
      </c>
      <c r="R1211" s="23">
        <v>45065</v>
      </c>
      <c r="S1211" s="29"/>
      <c r="T1211" s="29"/>
    </row>
    <row r="1212" spans="1:20" ht="14.4" customHeight="1" x14ac:dyDescent="0.2">
      <c r="A1212" s="15" t="s">
        <v>9212</v>
      </c>
      <c r="B1212" s="10" t="s">
        <v>5615</v>
      </c>
      <c r="C1212" s="32">
        <v>2</v>
      </c>
      <c r="D1212" s="32">
        <v>512</v>
      </c>
      <c r="E1212" s="32">
        <v>1504</v>
      </c>
      <c r="F1212" s="31" t="s">
        <v>5632</v>
      </c>
      <c r="G1212" s="32" t="s">
        <v>5633</v>
      </c>
      <c r="H1212" s="31" t="s">
        <v>1779</v>
      </c>
      <c r="I1212" s="31" t="s">
        <v>5157</v>
      </c>
      <c r="J1212" s="21">
        <v>35.438994999999998</v>
      </c>
      <c r="K1212" s="21">
        <v>139.41556</v>
      </c>
      <c r="L1212" s="31" t="s">
        <v>3032</v>
      </c>
      <c r="M1212" s="17" t="s">
        <v>9970</v>
      </c>
      <c r="N1212" s="54" t="s">
        <v>10612</v>
      </c>
      <c r="O1212" s="21">
        <v>1977</v>
      </c>
      <c r="P1212" s="21">
        <v>1</v>
      </c>
      <c r="Q1212" s="22" t="s">
        <v>5614</v>
      </c>
      <c r="R1212" s="23">
        <v>45065</v>
      </c>
      <c r="S1212" s="29"/>
      <c r="T1212" s="29"/>
    </row>
    <row r="1213" spans="1:20" ht="14.4" customHeight="1" x14ac:dyDescent="0.2">
      <c r="A1213" s="15" t="s">
        <v>9971</v>
      </c>
      <c r="B1213" s="10" t="s">
        <v>5615</v>
      </c>
      <c r="C1213" s="32">
        <v>2</v>
      </c>
      <c r="D1213" s="32">
        <v>512</v>
      </c>
      <c r="E1213" s="32">
        <v>1504</v>
      </c>
      <c r="F1213" s="31" t="s">
        <v>5634</v>
      </c>
      <c r="G1213" s="32" t="s">
        <v>5635</v>
      </c>
      <c r="H1213" s="31" t="s">
        <v>1780</v>
      </c>
      <c r="I1213" s="31" t="s">
        <v>5158</v>
      </c>
      <c r="J1213" s="21">
        <v>35.461438999999999</v>
      </c>
      <c r="K1213" s="21">
        <v>139.43555799999999</v>
      </c>
      <c r="L1213" s="31" t="s">
        <v>3033</v>
      </c>
      <c r="M1213" s="17" t="s">
        <v>9972</v>
      </c>
      <c r="N1213" s="54" t="s">
        <v>10613</v>
      </c>
      <c r="O1213" s="21">
        <v>1981</v>
      </c>
      <c r="P1213" s="21">
        <v>1</v>
      </c>
      <c r="Q1213" s="22" t="s">
        <v>5614</v>
      </c>
      <c r="R1213" s="23">
        <v>45065</v>
      </c>
      <c r="S1213" s="29"/>
      <c r="T1213" s="29"/>
    </row>
    <row r="1214" spans="1:20" ht="14.4" customHeight="1" x14ac:dyDescent="0.2">
      <c r="A1214" s="15" t="s">
        <v>9973</v>
      </c>
      <c r="B1214" s="10" t="s">
        <v>5615</v>
      </c>
      <c r="C1214" s="32">
        <v>2</v>
      </c>
      <c r="D1214" s="32">
        <v>512</v>
      </c>
      <c r="E1214" s="32">
        <v>1504</v>
      </c>
      <c r="F1214" s="31" t="s">
        <v>5636</v>
      </c>
      <c r="G1214" s="32" t="s">
        <v>5637</v>
      </c>
      <c r="H1214" s="31" t="s">
        <v>1781</v>
      </c>
      <c r="I1214" s="31" t="s">
        <v>5159</v>
      </c>
      <c r="J1214" s="21">
        <v>35.422978999999998</v>
      </c>
      <c r="K1214" s="21">
        <v>139.43195299999999</v>
      </c>
      <c r="L1214" s="31" t="s">
        <v>3034</v>
      </c>
      <c r="M1214" s="17" t="s">
        <v>9974</v>
      </c>
      <c r="N1214" s="54" t="s">
        <v>10614</v>
      </c>
      <c r="O1214" s="21">
        <v>1984</v>
      </c>
      <c r="P1214" s="21">
        <v>1</v>
      </c>
      <c r="Q1214" s="22" t="s">
        <v>5614</v>
      </c>
      <c r="R1214" s="23">
        <v>45065</v>
      </c>
      <c r="S1214" s="29"/>
      <c r="T1214" s="29"/>
    </row>
    <row r="1215" spans="1:20" ht="14.4" customHeight="1" x14ac:dyDescent="0.2">
      <c r="A1215" s="15" t="s">
        <v>9975</v>
      </c>
      <c r="B1215" s="10" t="s">
        <v>1818</v>
      </c>
      <c r="C1215" s="13">
        <v>1</v>
      </c>
      <c r="D1215" s="66">
        <v>511</v>
      </c>
      <c r="E1215" s="66">
        <v>1503</v>
      </c>
      <c r="F1215" s="67" t="s">
        <v>1411</v>
      </c>
      <c r="G1215" s="66" t="s">
        <v>5638</v>
      </c>
      <c r="H1215" s="67" t="s">
        <v>1412</v>
      </c>
      <c r="I1215" s="67" t="s">
        <v>5988</v>
      </c>
      <c r="J1215" s="68">
        <v>35.272407999999999</v>
      </c>
      <c r="K1215" s="69">
        <v>139.583584</v>
      </c>
      <c r="L1215" s="67" t="s">
        <v>3035</v>
      </c>
      <c r="M1215" s="66" t="s">
        <v>4044</v>
      </c>
      <c r="N1215" s="13" t="s">
        <v>5639</v>
      </c>
      <c r="O1215" s="69">
        <v>1926</v>
      </c>
      <c r="P1215" s="69">
        <v>1</v>
      </c>
      <c r="Q1215" s="22"/>
      <c r="R1215" s="23">
        <v>45065</v>
      </c>
      <c r="S1215" s="29"/>
      <c r="T1215" s="29"/>
    </row>
    <row r="1216" spans="1:20" ht="14.4" customHeight="1" x14ac:dyDescent="0.2">
      <c r="A1216" s="15" t="s">
        <v>9976</v>
      </c>
      <c r="B1216" s="10" t="s">
        <v>1818</v>
      </c>
      <c r="C1216" s="13">
        <v>1</v>
      </c>
      <c r="D1216" s="66">
        <v>511</v>
      </c>
      <c r="E1216" s="66">
        <v>1503</v>
      </c>
      <c r="F1216" s="67" t="s">
        <v>1413</v>
      </c>
      <c r="G1216" s="66" t="s">
        <v>5640</v>
      </c>
      <c r="H1216" s="67" t="s">
        <v>1414</v>
      </c>
      <c r="I1216" s="67" t="s">
        <v>9977</v>
      </c>
      <c r="J1216" s="68">
        <v>35.268431</v>
      </c>
      <c r="K1216" s="69">
        <v>139.61664500000001</v>
      </c>
      <c r="L1216" s="67" t="s">
        <v>3036</v>
      </c>
      <c r="M1216" s="66" t="s">
        <v>4045</v>
      </c>
      <c r="N1216" s="13" t="s">
        <v>5641</v>
      </c>
      <c r="O1216" s="69">
        <v>1956</v>
      </c>
      <c r="P1216" s="69">
        <v>1</v>
      </c>
      <c r="Q1216" s="22"/>
      <c r="R1216" s="23">
        <v>45065</v>
      </c>
      <c r="S1216" s="29"/>
      <c r="T1216" s="29"/>
    </row>
    <row r="1217" spans="1:20" ht="14.4" customHeight="1" x14ac:dyDescent="0.2">
      <c r="A1217" s="15" t="s">
        <v>9978</v>
      </c>
      <c r="B1217" s="10" t="s">
        <v>1818</v>
      </c>
      <c r="C1217" s="13">
        <v>1</v>
      </c>
      <c r="D1217" s="66">
        <v>511</v>
      </c>
      <c r="E1217" s="66">
        <v>1503</v>
      </c>
      <c r="F1217" s="67" t="s">
        <v>1415</v>
      </c>
      <c r="G1217" s="66" t="s">
        <v>5642</v>
      </c>
      <c r="H1217" s="67" t="s">
        <v>1416</v>
      </c>
      <c r="I1217" s="67" t="s">
        <v>9979</v>
      </c>
      <c r="J1217" s="68">
        <v>35.28201</v>
      </c>
      <c r="K1217" s="69">
        <v>139.58332300000001</v>
      </c>
      <c r="L1217" s="67" t="s">
        <v>3037</v>
      </c>
      <c r="M1217" s="66" t="s">
        <v>4046</v>
      </c>
      <c r="N1217" s="13" t="s">
        <v>5643</v>
      </c>
      <c r="O1217" s="69">
        <v>1976</v>
      </c>
      <c r="P1217" s="69">
        <v>1</v>
      </c>
      <c r="Q1217" s="22"/>
      <c r="R1217" s="23">
        <v>45065</v>
      </c>
      <c r="S1217" s="29"/>
      <c r="T1217" s="29"/>
    </row>
    <row r="1218" spans="1:20" ht="14.4" customHeight="1" x14ac:dyDescent="0.2">
      <c r="A1218" s="15" t="s">
        <v>9980</v>
      </c>
      <c r="B1218" s="10" t="s">
        <v>1818</v>
      </c>
      <c r="C1218" s="13">
        <v>1</v>
      </c>
      <c r="D1218" s="66">
        <v>511</v>
      </c>
      <c r="E1218" s="66">
        <v>1503</v>
      </c>
      <c r="F1218" s="67" t="s">
        <v>1417</v>
      </c>
      <c r="G1218" s="66" t="s">
        <v>5644</v>
      </c>
      <c r="H1218" s="67" t="s">
        <v>1418</v>
      </c>
      <c r="I1218" s="67" t="s">
        <v>9981</v>
      </c>
      <c r="J1218" s="68">
        <v>35.266109</v>
      </c>
      <c r="K1218" s="69">
        <v>139.58701600000001</v>
      </c>
      <c r="L1218" s="67" t="s">
        <v>3038</v>
      </c>
      <c r="M1218" s="66" t="s">
        <v>4047</v>
      </c>
      <c r="N1218" s="13" t="s">
        <v>5645</v>
      </c>
      <c r="O1218" s="69">
        <v>1983</v>
      </c>
      <c r="P1218" s="69">
        <v>1</v>
      </c>
      <c r="Q1218" s="22"/>
      <c r="R1218" s="23">
        <v>45065</v>
      </c>
      <c r="S1218" s="29"/>
      <c r="T1218" s="29"/>
    </row>
    <row r="1219" spans="1:20" ht="14.4" customHeight="1" x14ac:dyDescent="0.2">
      <c r="A1219" s="15" t="s">
        <v>9982</v>
      </c>
      <c r="B1219" s="10" t="s">
        <v>1818</v>
      </c>
      <c r="C1219" s="13">
        <v>2</v>
      </c>
      <c r="D1219" s="13">
        <v>512</v>
      </c>
      <c r="E1219" s="13">
        <v>1504</v>
      </c>
      <c r="F1219" s="70" t="s">
        <v>1782</v>
      </c>
      <c r="G1219" s="13" t="s">
        <v>5646</v>
      </c>
      <c r="H1219" s="70" t="s">
        <v>1412</v>
      </c>
      <c r="I1219" s="70" t="s">
        <v>9983</v>
      </c>
      <c r="J1219" s="69">
        <v>35.275770999999999</v>
      </c>
      <c r="K1219" s="69">
        <v>139.58807899999999</v>
      </c>
      <c r="L1219" s="70" t="s">
        <v>3039</v>
      </c>
      <c r="M1219" s="13" t="s">
        <v>4048</v>
      </c>
      <c r="N1219" s="13" t="s">
        <v>5647</v>
      </c>
      <c r="O1219" s="69">
        <v>1947</v>
      </c>
      <c r="P1219" s="19">
        <v>1</v>
      </c>
      <c r="Q1219" s="22"/>
      <c r="R1219" s="23">
        <v>45065</v>
      </c>
      <c r="S1219" s="29"/>
      <c r="T1219" s="29"/>
    </row>
    <row r="1220" spans="1:20" ht="14.4" customHeight="1" x14ac:dyDescent="0.2">
      <c r="A1220" s="15" t="s">
        <v>9984</v>
      </c>
      <c r="B1220" s="10" t="s">
        <v>1818</v>
      </c>
      <c r="C1220" s="13">
        <v>2</v>
      </c>
      <c r="D1220" s="13">
        <v>512</v>
      </c>
      <c r="E1220" s="13">
        <v>1504</v>
      </c>
      <c r="F1220" s="70" t="s">
        <v>1783</v>
      </c>
      <c r="G1220" s="13" t="s">
        <v>5648</v>
      </c>
      <c r="H1220" s="70" t="s">
        <v>1416</v>
      </c>
      <c r="I1220" s="70" t="s">
        <v>9985</v>
      </c>
      <c r="J1220" s="69">
        <v>35.285727999999999</v>
      </c>
      <c r="K1220" s="69">
        <v>139.59956099999999</v>
      </c>
      <c r="L1220" s="70" t="s">
        <v>3040</v>
      </c>
      <c r="M1220" s="13" t="s">
        <v>4049</v>
      </c>
      <c r="N1220" s="13" t="s">
        <v>5649</v>
      </c>
      <c r="O1220" s="69">
        <v>1981</v>
      </c>
      <c r="P1220" s="19">
        <v>1</v>
      </c>
      <c r="Q1220" s="22"/>
      <c r="R1220" s="23">
        <v>45065</v>
      </c>
      <c r="S1220" s="29"/>
      <c r="T1220" s="29"/>
    </row>
    <row r="1221" spans="1:20" x14ac:dyDescent="0.2">
      <c r="A1221" s="15" t="s">
        <v>8700</v>
      </c>
      <c r="B1221" s="10" t="s">
        <v>1819</v>
      </c>
      <c r="C1221" s="16">
        <v>1</v>
      </c>
      <c r="D1221" s="17">
        <v>511</v>
      </c>
      <c r="E1221" s="17">
        <v>1503</v>
      </c>
      <c r="F1221" s="25" t="s">
        <v>1419</v>
      </c>
      <c r="G1221" s="26" t="s">
        <v>7359</v>
      </c>
      <c r="H1221" s="25" t="s">
        <v>1420</v>
      </c>
      <c r="I1221" s="25" t="s">
        <v>9222</v>
      </c>
      <c r="J1221" s="18"/>
      <c r="K1221" s="19"/>
      <c r="L1221" s="25" t="s">
        <v>3041</v>
      </c>
      <c r="M1221" s="17" t="s">
        <v>4050</v>
      </c>
      <c r="N1221" s="40" t="s">
        <v>10362</v>
      </c>
      <c r="O1221" s="19">
        <v>1899</v>
      </c>
      <c r="P1221" s="19">
        <v>1</v>
      </c>
      <c r="Q1221" s="22"/>
      <c r="R1221" s="23">
        <v>45065</v>
      </c>
      <c r="S1221" s="29"/>
      <c r="T1221" s="29"/>
    </row>
    <row r="1222" spans="1:20" x14ac:dyDescent="0.2">
      <c r="A1222" s="15" t="s">
        <v>8701</v>
      </c>
      <c r="B1222" s="10" t="s">
        <v>1819</v>
      </c>
      <c r="C1222" s="16">
        <v>1</v>
      </c>
      <c r="D1222" s="17">
        <v>511</v>
      </c>
      <c r="E1222" s="17">
        <v>1503</v>
      </c>
      <c r="F1222" s="25" t="s">
        <v>1421</v>
      </c>
      <c r="G1222" s="26" t="s">
        <v>7360</v>
      </c>
      <c r="H1222" s="25" t="s">
        <v>1422</v>
      </c>
      <c r="I1222" s="25" t="s">
        <v>9223</v>
      </c>
      <c r="J1222" s="18"/>
      <c r="K1222" s="19"/>
      <c r="L1222" s="25" t="s">
        <v>3042</v>
      </c>
      <c r="M1222" s="17" t="s">
        <v>4051</v>
      </c>
      <c r="N1222" s="40" t="s">
        <v>10363</v>
      </c>
      <c r="O1222" s="19">
        <v>1961</v>
      </c>
      <c r="P1222" s="19">
        <v>1</v>
      </c>
      <c r="Q1222" s="22"/>
      <c r="R1222" s="23">
        <v>45065</v>
      </c>
      <c r="S1222" s="29"/>
      <c r="T1222" s="29"/>
    </row>
    <row r="1223" spans="1:20" x14ac:dyDescent="0.2">
      <c r="A1223" s="15" t="s">
        <v>8702</v>
      </c>
      <c r="B1223" s="10" t="s">
        <v>1819</v>
      </c>
      <c r="C1223" s="16">
        <v>1</v>
      </c>
      <c r="D1223" s="17">
        <v>511</v>
      </c>
      <c r="E1223" s="17">
        <v>1503</v>
      </c>
      <c r="F1223" s="25" t="s">
        <v>1423</v>
      </c>
      <c r="G1223" s="26" t="s">
        <v>7361</v>
      </c>
      <c r="H1223" s="25" t="s">
        <v>1424</v>
      </c>
      <c r="I1223" s="25" t="s">
        <v>9224</v>
      </c>
      <c r="J1223" s="18"/>
      <c r="K1223" s="19"/>
      <c r="L1223" s="25" t="s">
        <v>3043</v>
      </c>
      <c r="M1223" s="17" t="s">
        <v>4052</v>
      </c>
      <c r="N1223" s="40" t="s">
        <v>10364</v>
      </c>
      <c r="O1223" s="19">
        <v>1961</v>
      </c>
      <c r="P1223" s="19">
        <v>1</v>
      </c>
      <c r="Q1223" s="22"/>
      <c r="R1223" s="23">
        <v>45065</v>
      </c>
      <c r="S1223" s="29"/>
      <c r="T1223" s="29"/>
    </row>
    <row r="1224" spans="1:20" x14ac:dyDescent="0.2">
      <c r="A1224" s="15" t="s">
        <v>8703</v>
      </c>
      <c r="B1224" s="10" t="s">
        <v>1819</v>
      </c>
      <c r="C1224" s="16">
        <v>1</v>
      </c>
      <c r="D1224" s="17">
        <v>511</v>
      </c>
      <c r="E1224" s="17">
        <v>1503</v>
      </c>
      <c r="F1224" s="25" t="s">
        <v>1425</v>
      </c>
      <c r="G1224" s="26" t="s">
        <v>7362</v>
      </c>
      <c r="H1224" s="25" t="s">
        <v>1426</v>
      </c>
      <c r="I1224" s="25" t="s">
        <v>9213</v>
      </c>
      <c r="J1224" s="18"/>
      <c r="K1224" s="19"/>
      <c r="L1224" s="25" t="s">
        <v>3044</v>
      </c>
      <c r="M1224" s="17" t="s">
        <v>4053</v>
      </c>
      <c r="N1224" s="40" t="s">
        <v>10365</v>
      </c>
      <c r="O1224" s="19">
        <v>1980</v>
      </c>
      <c r="P1224" s="19">
        <v>1</v>
      </c>
      <c r="Q1224" s="22"/>
      <c r="R1224" s="23">
        <v>45065</v>
      </c>
      <c r="S1224" s="29"/>
      <c r="T1224" s="29"/>
    </row>
    <row r="1225" spans="1:20" x14ac:dyDescent="0.2">
      <c r="A1225" s="15" t="s">
        <v>8704</v>
      </c>
      <c r="B1225" s="10" t="s">
        <v>1819</v>
      </c>
      <c r="C1225" s="16">
        <v>1</v>
      </c>
      <c r="D1225" s="17">
        <v>511</v>
      </c>
      <c r="E1225" s="17">
        <v>1503</v>
      </c>
      <c r="F1225" s="25" t="s">
        <v>1427</v>
      </c>
      <c r="G1225" s="26" t="s">
        <v>7363</v>
      </c>
      <c r="H1225" s="25" t="s">
        <v>1422</v>
      </c>
      <c r="I1225" s="25" t="s">
        <v>9214</v>
      </c>
      <c r="J1225" s="18"/>
      <c r="K1225" s="19"/>
      <c r="L1225" s="25" t="s">
        <v>3045</v>
      </c>
      <c r="M1225" s="17" t="s">
        <v>4054</v>
      </c>
      <c r="N1225" s="40" t="s">
        <v>10366</v>
      </c>
      <c r="O1225" s="19">
        <v>1994</v>
      </c>
      <c r="P1225" s="19">
        <v>1</v>
      </c>
      <c r="Q1225" s="22"/>
      <c r="R1225" s="23">
        <v>45065</v>
      </c>
      <c r="S1225" s="29"/>
      <c r="T1225" s="29"/>
    </row>
    <row r="1226" spans="1:20" x14ac:dyDescent="0.2">
      <c r="A1226" s="15" t="s">
        <v>8705</v>
      </c>
      <c r="B1226" s="10" t="s">
        <v>1819</v>
      </c>
      <c r="C1226" s="16">
        <v>2</v>
      </c>
      <c r="D1226" s="16">
        <v>512</v>
      </c>
      <c r="E1226" s="16">
        <v>1504</v>
      </c>
      <c r="F1226" s="31" t="s">
        <v>1784</v>
      </c>
      <c r="G1226" s="32" t="s">
        <v>7364</v>
      </c>
      <c r="H1226" s="31" t="s">
        <v>1422</v>
      </c>
      <c r="I1226" s="31" t="s">
        <v>9225</v>
      </c>
      <c r="J1226" s="19"/>
      <c r="K1226" s="19"/>
      <c r="L1226" s="31" t="s">
        <v>3046</v>
      </c>
      <c r="M1226" s="16" t="s">
        <v>4055</v>
      </c>
      <c r="N1226" s="40" t="s">
        <v>10367</v>
      </c>
      <c r="O1226" s="19">
        <v>1947</v>
      </c>
      <c r="P1226" s="19">
        <v>0</v>
      </c>
      <c r="Q1226" s="22" t="s">
        <v>10615</v>
      </c>
      <c r="R1226" s="23">
        <v>45065</v>
      </c>
      <c r="S1226" s="29"/>
      <c r="T1226" s="29"/>
    </row>
    <row r="1227" spans="1:20" x14ac:dyDescent="0.2">
      <c r="A1227" s="15" t="s">
        <v>8706</v>
      </c>
      <c r="B1227" s="10" t="s">
        <v>1819</v>
      </c>
      <c r="C1227" s="16">
        <v>2</v>
      </c>
      <c r="D1227" s="16">
        <v>512</v>
      </c>
      <c r="E1227" s="16">
        <v>1504</v>
      </c>
      <c r="F1227" s="31" t="s">
        <v>10617</v>
      </c>
      <c r="G1227" s="32" t="s">
        <v>10618</v>
      </c>
      <c r="H1227" s="31" t="s">
        <v>10619</v>
      </c>
      <c r="I1227" s="31" t="s">
        <v>10368</v>
      </c>
      <c r="J1227" s="19"/>
      <c r="K1227" s="19"/>
      <c r="L1227" s="31" t="s">
        <v>10620</v>
      </c>
      <c r="M1227" s="16" t="s">
        <v>10621</v>
      </c>
      <c r="N1227" s="71" t="s">
        <v>10622</v>
      </c>
      <c r="O1227" s="19">
        <v>1972</v>
      </c>
      <c r="P1227" s="19">
        <v>0</v>
      </c>
      <c r="Q1227" s="22" t="s">
        <v>10615</v>
      </c>
      <c r="R1227" s="23">
        <v>45065</v>
      </c>
      <c r="S1227" s="29"/>
      <c r="T1227" s="29"/>
    </row>
    <row r="1228" spans="1:20" x14ac:dyDescent="0.2">
      <c r="A1228" s="15" t="s">
        <v>8707</v>
      </c>
      <c r="B1228" s="10" t="s">
        <v>1819</v>
      </c>
      <c r="C1228" s="16">
        <v>2</v>
      </c>
      <c r="D1228" s="16">
        <v>512</v>
      </c>
      <c r="E1228" s="16">
        <v>1504</v>
      </c>
      <c r="F1228" s="31" t="s">
        <v>5650</v>
      </c>
      <c r="G1228" s="32" t="s">
        <v>7365</v>
      </c>
      <c r="H1228" s="31" t="s">
        <v>1785</v>
      </c>
      <c r="I1228" s="31" t="s">
        <v>9215</v>
      </c>
      <c r="J1228" s="19"/>
      <c r="K1228" s="19"/>
      <c r="L1228" s="31" t="s">
        <v>3047</v>
      </c>
      <c r="M1228" s="16" t="s">
        <v>4056</v>
      </c>
      <c r="N1228" s="72" t="s">
        <v>10616</v>
      </c>
      <c r="O1228" s="19">
        <v>1989</v>
      </c>
      <c r="P1228" s="19">
        <v>0</v>
      </c>
      <c r="Q1228" s="22" t="s">
        <v>10615</v>
      </c>
      <c r="R1228" s="23">
        <v>45065</v>
      </c>
      <c r="S1228" s="29"/>
      <c r="T1228" s="29"/>
    </row>
    <row r="1229" spans="1:20" ht="14.4" customHeight="1" x14ac:dyDescent="0.2">
      <c r="A1229" s="15" t="s">
        <v>10369</v>
      </c>
      <c r="B1229" s="10" t="s">
        <v>1820</v>
      </c>
      <c r="C1229" s="16">
        <v>1</v>
      </c>
      <c r="D1229" s="17">
        <v>511</v>
      </c>
      <c r="E1229" s="17">
        <v>1503</v>
      </c>
      <c r="F1229" s="43" t="s">
        <v>1428</v>
      </c>
      <c r="G1229" s="26" t="s">
        <v>7366</v>
      </c>
      <c r="H1229" s="25" t="s">
        <v>1429</v>
      </c>
      <c r="I1229" s="25" t="s">
        <v>5651</v>
      </c>
      <c r="J1229" s="18"/>
      <c r="K1229" s="19"/>
      <c r="L1229" s="25" t="s">
        <v>3048</v>
      </c>
      <c r="M1229" s="17" t="s">
        <v>4057</v>
      </c>
      <c r="N1229" s="24" t="s">
        <v>10623</v>
      </c>
      <c r="O1229" s="19">
        <v>1873</v>
      </c>
      <c r="P1229" s="19">
        <v>1</v>
      </c>
      <c r="Q1229" s="22"/>
      <c r="R1229" s="23">
        <v>45065</v>
      </c>
      <c r="S1229" s="29"/>
      <c r="T1229" s="29"/>
    </row>
    <row r="1230" spans="1:20" ht="14.4" customHeight="1" x14ac:dyDescent="0.2">
      <c r="A1230" s="15" t="s">
        <v>10370</v>
      </c>
      <c r="B1230" s="10" t="s">
        <v>1820</v>
      </c>
      <c r="C1230" s="16">
        <v>1</v>
      </c>
      <c r="D1230" s="17">
        <v>511</v>
      </c>
      <c r="E1230" s="17">
        <v>1503</v>
      </c>
      <c r="F1230" s="43" t="s">
        <v>5652</v>
      </c>
      <c r="G1230" s="26" t="s">
        <v>7367</v>
      </c>
      <c r="H1230" s="25" t="s">
        <v>1430</v>
      </c>
      <c r="I1230" s="25" t="s">
        <v>5653</v>
      </c>
      <c r="J1230" s="18"/>
      <c r="K1230" s="19"/>
      <c r="L1230" s="25" t="s">
        <v>3049</v>
      </c>
      <c r="M1230" s="17" t="s">
        <v>4058</v>
      </c>
      <c r="N1230" s="24" t="s">
        <v>10624</v>
      </c>
      <c r="O1230" s="19">
        <v>1873</v>
      </c>
      <c r="P1230" s="19">
        <v>1</v>
      </c>
      <c r="Q1230" s="22"/>
      <c r="R1230" s="23">
        <v>45065</v>
      </c>
      <c r="S1230" s="29"/>
      <c r="T1230" s="29"/>
    </row>
    <row r="1231" spans="1:20" ht="14.4" customHeight="1" x14ac:dyDescent="0.2">
      <c r="A1231" s="15" t="s">
        <v>9025</v>
      </c>
      <c r="B1231" s="10" t="s">
        <v>1820</v>
      </c>
      <c r="C1231" s="16">
        <v>1</v>
      </c>
      <c r="D1231" s="17">
        <v>511</v>
      </c>
      <c r="E1231" s="17">
        <v>1503</v>
      </c>
      <c r="F1231" s="43" t="s">
        <v>1804</v>
      </c>
      <c r="G1231" s="26" t="s">
        <v>10625</v>
      </c>
      <c r="H1231" s="25" t="s">
        <v>1431</v>
      </c>
      <c r="I1231" s="25" t="s">
        <v>5654</v>
      </c>
      <c r="J1231" s="18"/>
      <c r="K1231" s="19"/>
      <c r="L1231" s="25" t="s">
        <v>3050</v>
      </c>
      <c r="M1231" s="17" t="s">
        <v>3050</v>
      </c>
      <c r="N1231" s="24" t="s">
        <v>10626</v>
      </c>
      <c r="O1231" s="19">
        <v>2003</v>
      </c>
      <c r="P1231" s="19">
        <v>0</v>
      </c>
      <c r="Q1231" s="22"/>
      <c r="R1231" s="23">
        <v>45065</v>
      </c>
      <c r="S1231" s="29"/>
      <c r="T1231" s="29"/>
    </row>
    <row r="1232" spans="1:20" ht="14.4" customHeight="1" x14ac:dyDescent="0.2">
      <c r="A1232" s="15" t="s">
        <v>9026</v>
      </c>
      <c r="B1232" s="10" t="s">
        <v>1820</v>
      </c>
      <c r="C1232" s="16">
        <v>2</v>
      </c>
      <c r="D1232" s="16">
        <v>512</v>
      </c>
      <c r="E1232" s="16">
        <v>1504</v>
      </c>
      <c r="F1232" s="35" t="s">
        <v>5655</v>
      </c>
      <c r="G1232" s="32" t="s">
        <v>7368</v>
      </c>
      <c r="H1232" s="31" t="s">
        <v>1429</v>
      </c>
      <c r="I1232" s="31" t="s">
        <v>5656</v>
      </c>
      <c r="J1232" s="19"/>
      <c r="K1232" s="19"/>
      <c r="L1232" s="31" t="s">
        <v>3051</v>
      </c>
      <c r="M1232" s="16" t="s">
        <v>4059</v>
      </c>
      <c r="N1232" s="24" t="s">
        <v>10627</v>
      </c>
      <c r="O1232" s="19">
        <v>1947</v>
      </c>
      <c r="P1232" s="19">
        <v>0</v>
      </c>
      <c r="Q1232" s="22"/>
      <c r="R1232" s="23">
        <v>45065</v>
      </c>
      <c r="S1232" s="29"/>
      <c r="T1232" s="29"/>
    </row>
    <row r="1233" spans="1:20" ht="14.4" customHeight="1" x14ac:dyDescent="0.2">
      <c r="A1233" s="15" t="s">
        <v>10371</v>
      </c>
      <c r="B1233" s="10" t="s">
        <v>1820</v>
      </c>
      <c r="C1233" s="16">
        <v>2</v>
      </c>
      <c r="D1233" s="16">
        <v>512</v>
      </c>
      <c r="E1233" s="16">
        <v>1504</v>
      </c>
      <c r="F1233" s="35" t="s">
        <v>5657</v>
      </c>
      <c r="G1233" s="32" t="s">
        <v>7369</v>
      </c>
      <c r="H1233" s="31" t="s">
        <v>1430</v>
      </c>
      <c r="I1233" s="31" t="s">
        <v>5658</v>
      </c>
      <c r="J1233" s="19"/>
      <c r="K1233" s="19"/>
      <c r="L1233" s="31" t="s">
        <v>3052</v>
      </c>
      <c r="M1233" s="16" t="s">
        <v>4060</v>
      </c>
      <c r="N1233" s="24" t="s">
        <v>10628</v>
      </c>
      <c r="O1233" s="19">
        <v>1947</v>
      </c>
      <c r="P1233" s="19">
        <v>0</v>
      </c>
      <c r="Q1233" s="22"/>
      <c r="R1233" s="23">
        <v>45065</v>
      </c>
      <c r="S1233" s="29"/>
      <c r="T1233" s="29"/>
    </row>
    <row r="1234" spans="1:20" ht="14.4" customHeight="1" x14ac:dyDescent="0.2">
      <c r="A1234" s="15" t="s">
        <v>8708</v>
      </c>
      <c r="B1234" s="10" t="s">
        <v>1820</v>
      </c>
      <c r="C1234" s="16">
        <v>2</v>
      </c>
      <c r="D1234" s="16">
        <v>512</v>
      </c>
      <c r="E1234" s="16">
        <v>1504</v>
      </c>
      <c r="F1234" s="35" t="s">
        <v>1805</v>
      </c>
      <c r="G1234" s="32" t="s">
        <v>10629</v>
      </c>
      <c r="H1234" s="31" t="s">
        <v>1431</v>
      </c>
      <c r="I1234" s="31" t="s">
        <v>5654</v>
      </c>
      <c r="J1234" s="19"/>
      <c r="K1234" s="19"/>
      <c r="L1234" s="31" t="s">
        <v>3050</v>
      </c>
      <c r="M1234" s="16" t="s">
        <v>3050</v>
      </c>
      <c r="N1234" s="24" t="s">
        <v>10626</v>
      </c>
      <c r="O1234" s="19">
        <v>2003</v>
      </c>
      <c r="P1234" s="19">
        <v>0</v>
      </c>
      <c r="Q1234" s="22"/>
      <c r="R1234" s="23">
        <v>45065</v>
      </c>
      <c r="S1234" s="29"/>
      <c r="T1234" s="29"/>
    </row>
    <row r="1235" spans="1:20" ht="14.4" customHeight="1" x14ac:dyDescent="0.2">
      <c r="A1235" s="15" t="s">
        <v>9986</v>
      </c>
      <c r="B1235" s="10" t="s">
        <v>1821</v>
      </c>
      <c r="C1235" s="16">
        <v>1</v>
      </c>
      <c r="D1235" s="17">
        <v>511</v>
      </c>
      <c r="E1235" s="17">
        <v>1503</v>
      </c>
      <c r="F1235" s="25" t="s">
        <v>1432</v>
      </c>
      <c r="G1235" s="26" t="s">
        <v>7370</v>
      </c>
      <c r="H1235" s="25" t="s">
        <v>1433</v>
      </c>
      <c r="I1235" s="25" t="s">
        <v>9987</v>
      </c>
      <c r="J1235" s="18"/>
      <c r="K1235" s="19"/>
      <c r="L1235" s="25" t="s">
        <v>3053</v>
      </c>
      <c r="M1235" s="17" t="s">
        <v>4061</v>
      </c>
      <c r="N1235" s="16" t="s">
        <v>9988</v>
      </c>
      <c r="O1235" s="19">
        <v>1873</v>
      </c>
      <c r="P1235" s="19">
        <v>1</v>
      </c>
      <c r="Q1235" s="22"/>
      <c r="R1235" s="23">
        <v>45065</v>
      </c>
      <c r="S1235" s="29"/>
      <c r="T1235" s="29"/>
    </row>
    <row r="1236" spans="1:20" ht="14.4" customHeight="1" x14ac:dyDescent="0.2">
      <c r="A1236" s="15" t="s">
        <v>9027</v>
      </c>
      <c r="B1236" s="10" t="s">
        <v>1821</v>
      </c>
      <c r="C1236" s="16">
        <v>1</v>
      </c>
      <c r="D1236" s="17">
        <v>511</v>
      </c>
      <c r="E1236" s="17">
        <v>1503</v>
      </c>
      <c r="F1236" s="25" t="s">
        <v>1434</v>
      </c>
      <c r="G1236" s="26" t="s">
        <v>7371</v>
      </c>
      <c r="H1236" s="25" t="s">
        <v>1435</v>
      </c>
      <c r="I1236" s="25" t="s">
        <v>5989</v>
      </c>
      <c r="J1236" s="18"/>
      <c r="K1236" s="19"/>
      <c r="L1236" s="25" t="s">
        <v>3054</v>
      </c>
      <c r="M1236" s="17" t="s">
        <v>4062</v>
      </c>
      <c r="N1236" s="16" t="s">
        <v>9989</v>
      </c>
      <c r="O1236" s="19">
        <v>1965</v>
      </c>
      <c r="P1236" s="19">
        <v>1</v>
      </c>
      <c r="Q1236" s="22"/>
      <c r="R1236" s="23">
        <v>45065</v>
      </c>
      <c r="S1236" s="29"/>
      <c r="T1236" s="29"/>
    </row>
    <row r="1237" spans="1:20" ht="14.4" customHeight="1" x14ac:dyDescent="0.2">
      <c r="A1237" s="15" t="s">
        <v>9028</v>
      </c>
      <c r="B1237" s="10" t="s">
        <v>1821</v>
      </c>
      <c r="C1237" s="16">
        <v>1</v>
      </c>
      <c r="D1237" s="17">
        <v>511</v>
      </c>
      <c r="E1237" s="17">
        <v>1503</v>
      </c>
      <c r="F1237" s="25" t="s">
        <v>1436</v>
      </c>
      <c r="G1237" s="26" t="s">
        <v>7372</v>
      </c>
      <c r="H1237" s="25" t="s">
        <v>1437</v>
      </c>
      <c r="I1237" s="25" t="s">
        <v>9102</v>
      </c>
      <c r="J1237" s="18"/>
      <c r="K1237" s="19"/>
      <c r="L1237" s="25" t="s">
        <v>3055</v>
      </c>
      <c r="M1237" s="17" t="s">
        <v>4063</v>
      </c>
      <c r="N1237" s="16" t="s">
        <v>9990</v>
      </c>
      <c r="O1237" s="19">
        <v>1977</v>
      </c>
      <c r="P1237" s="19">
        <v>1</v>
      </c>
      <c r="Q1237" s="22"/>
      <c r="R1237" s="23">
        <v>45065</v>
      </c>
      <c r="S1237" s="29"/>
      <c r="T1237" s="29"/>
    </row>
    <row r="1238" spans="1:20" ht="14.4" customHeight="1" x14ac:dyDescent="0.2">
      <c r="A1238" s="15" t="s">
        <v>9991</v>
      </c>
      <c r="B1238" s="10" t="s">
        <v>1821</v>
      </c>
      <c r="C1238" s="16">
        <v>2</v>
      </c>
      <c r="D1238" s="16">
        <v>512</v>
      </c>
      <c r="E1238" s="16">
        <v>1504</v>
      </c>
      <c r="F1238" s="31" t="s">
        <v>5659</v>
      </c>
      <c r="G1238" s="32" t="s">
        <v>7373</v>
      </c>
      <c r="H1238" s="31" t="s">
        <v>1433</v>
      </c>
      <c r="I1238" s="31" t="s">
        <v>9992</v>
      </c>
      <c r="J1238" s="19"/>
      <c r="K1238" s="19"/>
      <c r="L1238" s="31" t="s">
        <v>3056</v>
      </c>
      <c r="M1238" s="16" t="s">
        <v>4064</v>
      </c>
      <c r="N1238" s="16" t="s">
        <v>9993</v>
      </c>
      <c r="O1238" s="19">
        <v>1947</v>
      </c>
      <c r="P1238" s="19">
        <v>1</v>
      </c>
      <c r="Q1238" s="22"/>
      <c r="R1238" s="23">
        <v>45065</v>
      </c>
      <c r="S1238" s="29"/>
      <c r="T1238" s="29"/>
    </row>
    <row r="1239" spans="1:20" ht="14.4" customHeight="1" x14ac:dyDescent="0.2">
      <c r="A1239" s="15" t="s">
        <v>9029</v>
      </c>
      <c r="B1239" s="10" t="s">
        <v>1821</v>
      </c>
      <c r="C1239" s="16">
        <v>2</v>
      </c>
      <c r="D1239" s="16">
        <v>512</v>
      </c>
      <c r="E1239" s="16">
        <v>1504</v>
      </c>
      <c r="F1239" s="31" t="s">
        <v>1786</v>
      </c>
      <c r="G1239" s="32" t="s">
        <v>7374</v>
      </c>
      <c r="H1239" s="31" t="s">
        <v>1787</v>
      </c>
      <c r="I1239" s="31" t="s">
        <v>9994</v>
      </c>
      <c r="J1239" s="19"/>
      <c r="K1239" s="19"/>
      <c r="L1239" s="31" t="s">
        <v>3057</v>
      </c>
      <c r="M1239" s="16" t="s">
        <v>4065</v>
      </c>
      <c r="N1239" s="16" t="s">
        <v>9995</v>
      </c>
      <c r="O1239" s="19">
        <v>1980</v>
      </c>
      <c r="P1239" s="19">
        <v>1</v>
      </c>
      <c r="Q1239" s="22"/>
      <c r="R1239" s="23">
        <v>45065</v>
      </c>
      <c r="S1239" s="29"/>
      <c r="T1239" s="29"/>
    </row>
    <row r="1240" spans="1:20" s="14" customFormat="1" ht="14.25" customHeight="1" x14ac:dyDescent="0.2">
      <c r="A1240" s="73" t="s">
        <v>8709</v>
      </c>
      <c r="B1240" s="10" t="s">
        <v>1822</v>
      </c>
      <c r="C1240" s="16">
        <v>1</v>
      </c>
      <c r="D1240" s="17">
        <v>511</v>
      </c>
      <c r="E1240" s="17">
        <v>1503</v>
      </c>
      <c r="F1240" s="25" t="s">
        <v>1438</v>
      </c>
      <c r="G1240" s="26" t="s">
        <v>7375</v>
      </c>
      <c r="H1240" s="25" t="s">
        <v>1439</v>
      </c>
      <c r="I1240" s="25" t="s">
        <v>5990</v>
      </c>
      <c r="J1240" s="18"/>
      <c r="K1240" s="19"/>
      <c r="L1240" s="25" t="s">
        <v>3058</v>
      </c>
      <c r="M1240" s="17" t="s">
        <v>4066</v>
      </c>
      <c r="N1240" s="20" t="s">
        <v>10630</v>
      </c>
      <c r="O1240" s="19">
        <v>1873</v>
      </c>
      <c r="P1240" s="19">
        <v>1</v>
      </c>
      <c r="Q1240" s="41"/>
      <c r="R1240" s="23">
        <v>45065</v>
      </c>
    </row>
    <row r="1241" spans="1:20" s="14" customFormat="1" ht="14.25" customHeight="1" x14ac:dyDescent="0.2">
      <c r="A1241" s="73" t="s">
        <v>8710</v>
      </c>
      <c r="B1241" s="10" t="s">
        <v>1822</v>
      </c>
      <c r="C1241" s="16">
        <v>1</v>
      </c>
      <c r="D1241" s="17">
        <v>511</v>
      </c>
      <c r="E1241" s="17">
        <v>1503</v>
      </c>
      <c r="F1241" s="25" t="s">
        <v>1440</v>
      </c>
      <c r="G1241" s="26" t="s">
        <v>7376</v>
      </c>
      <c r="H1241" s="25" t="s">
        <v>1441</v>
      </c>
      <c r="I1241" s="25" t="s">
        <v>5991</v>
      </c>
      <c r="J1241" s="18"/>
      <c r="K1241" s="19"/>
      <c r="L1241" s="25" t="s">
        <v>3059</v>
      </c>
      <c r="M1241" s="17" t="s">
        <v>4067</v>
      </c>
      <c r="N1241" s="20" t="s">
        <v>10631</v>
      </c>
      <c r="O1241" s="19">
        <v>1871</v>
      </c>
      <c r="P1241" s="19">
        <v>1</v>
      </c>
      <c r="Q1241" s="41"/>
      <c r="R1241" s="23">
        <v>45065</v>
      </c>
    </row>
    <row r="1242" spans="1:20" s="14" customFormat="1" ht="14.25" customHeight="1" x14ac:dyDescent="0.2">
      <c r="A1242" s="73" t="s">
        <v>8711</v>
      </c>
      <c r="B1242" s="10" t="s">
        <v>1822</v>
      </c>
      <c r="C1242" s="16">
        <v>2</v>
      </c>
      <c r="D1242" s="16">
        <v>512</v>
      </c>
      <c r="E1242" s="16">
        <v>1504</v>
      </c>
      <c r="F1242" s="31" t="s">
        <v>1788</v>
      </c>
      <c r="G1242" s="32" t="s">
        <v>7377</v>
      </c>
      <c r="H1242" s="31" t="s">
        <v>1789</v>
      </c>
      <c r="I1242" s="31" t="s">
        <v>5992</v>
      </c>
      <c r="J1242" s="19"/>
      <c r="K1242" s="19"/>
      <c r="L1242" s="31" t="s">
        <v>3060</v>
      </c>
      <c r="M1242" s="16" t="s">
        <v>4068</v>
      </c>
      <c r="N1242" s="20" t="s">
        <v>10632</v>
      </c>
      <c r="O1242" s="19">
        <v>1947</v>
      </c>
      <c r="P1242" s="19">
        <v>1</v>
      </c>
      <c r="Q1242" s="41"/>
      <c r="R1242" s="23">
        <v>45065</v>
      </c>
    </row>
    <row r="1243" spans="1:20" ht="14.4" customHeight="1" x14ac:dyDescent="0.2">
      <c r="A1243" s="15" t="s">
        <v>8712</v>
      </c>
      <c r="B1243" s="10" t="s">
        <v>1823</v>
      </c>
      <c r="C1243" s="16">
        <v>1</v>
      </c>
      <c r="D1243" s="17">
        <v>511</v>
      </c>
      <c r="E1243" s="17">
        <v>1503</v>
      </c>
      <c r="F1243" s="25" t="s">
        <v>1442</v>
      </c>
      <c r="G1243" s="26" t="s">
        <v>7378</v>
      </c>
      <c r="H1243" s="25" t="s">
        <v>1443</v>
      </c>
      <c r="I1243" s="25" t="s">
        <v>5993</v>
      </c>
      <c r="J1243" s="18"/>
      <c r="K1243" s="19"/>
      <c r="L1243" s="25" t="s">
        <v>3061</v>
      </c>
      <c r="M1243" s="17" t="s">
        <v>4069</v>
      </c>
      <c r="N1243" s="16"/>
      <c r="O1243" s="19">
        <v>1960</v>
      </c>
      <c r="P1243" s="19">
        <v>1</v>
      </c>
      <c r="Q1243" s="22"/>
      <c r="R1243" s="23">
        <v>43943</v>
      </c>
      <c r="S1243" s="29"/>
      <c r="T1243" s="29"/>
    </row>
    <row r="1244" spans="1:20" ht="14.4" customHeight="1" x14ac:dyDescent="0.2">
      <c r="A1244" s="15" t="s">
        <v>8713</v>
      </c>
      <c r="B1244" s="10" t="s">
        <v>1823</v>
      </c>
      <c r="C1244" s="16">
        <v>1</v>
      </c>
      <c r="D1244" s="17">
        <v>511</v>
      </c>
      <c r="E1244" s="17">
        <v>1503</v>
      </c>
      <c r="F1244" s="25" t="s">
        <v>1444</v>
      </c>
      <c r="G1244" s="26" t="s">
        <v>7379</v>
      </c>
      <c r="H1244" s="25" t="s">
        <v>1445</v>
      </c>
      <c r="I1244" s="25" t="s">
        <v>5994</v>
      </c>
      <c r="J1244" s="18"/>
      <c r="K1244" s="19"/>
      <c r="L1244" s="25" t="s">
        <v>3062</v>
      </c>
      <c r="M1244" s="17" t="s">
        <v>4070</v>
      </c>
      <c r="N1244" s="16"/>
      <c r="O1244" s="19">
        <v>1951</v>
      </c>
      <c r="P1244" s="19">
        <v>1</v>
      </c>
      <c r="Q1244" s="22"/>
      <c r="R1244" s="23">
        <v>43943</v>
      </c>
      <c r="S1244" s="29"/>
      <c r="T1244" s="29"/>
    </row>
    <row r="1245" spans="1:20" ht="14.4" customHeight="1" x14ac:dyDescent="0.2">
      <c r="A1245" s="15" t="s">
        <v>8714</v>
      </c>
      <c r="B1245" s="10" t="s">
        <v>1823</v>
      </c>
      <c r="C1245" s="16">
        <v>1</v>
      </c>
      <c r="D1245" s="17">
        <v>511</v>
      </c>
      <c r="E1245" s="17">
        <v>1503</v>
      </c>
      <c r="F1245" s="25" t="s">
        <v>1446</v>
      </c>
      <c r="G1245" s="26" t="s">
        <v>7380</v>
      </c>
      <c r="H1245" s="25" t="s">
        <v>1447</v>
      </c>
      <c r="I1245" s="25" t="s">
        <v>5995</v>
      </c>
      <c r="J1245" s="18"/>
      <c r="K1245" s="19"/>
      <c r="L1245" s="25" t="s">
        <v>3063</v>
      </c>
      <c r="M1245" s="17" t="s">
        <v>4071</v>
      </c>
      <c r="N1245" s="16"/>
      <c r="O1245" s="19">
        <v>1978</v>
      </c>
      <c r="P1245" s="19">
        <v>1</v>
      </c>
      <c r="Q1245" s="22"/>
      <c r="R1245" s="23">
        <v>43943</v>
      </c>
      <c r="S1245" s="29"/>
      <c r="T1245" s="29"/>
    </row>
    <row r="1246" spans="1:20" ht="14.4" customHeight="1" x14ac:dyDescent="0.2">
      <c r="A1246" s="15" t="s">
        <v>8715</v>
      </c>
      <c r="B1246" s="10" t="s">
        <v>1823</v>
      </c>
      <c r="C1246" s="16">
        <v>2</v>
      </c>
      <c r="D1246" s="16">
        <v>512</v>
      </c>
      <c r="E1246" s="16">
        <v>1504</v>
      </c>
      <c r="F1246" s="31" t="s">
        <v>1790</v>
      </c>
      <c r="G1246" s="32" t="s">
        <v>7381</v>
      </c>
      <c r="H1246" s="31" t="s">
        <v>1443</v>
      </c>
      <c r="I1246" s="31" t="s">
        <v>5996</v>
      </c>
      <c r="J1246" s="19"/>
      <c r="K1246" s="19"/>
      <c r="L1246" s="31" t="s">
        <v>3064</v>
      </c>
      <c r="M1246" s="16" t="s">
        <v>4072</v>
      </c>
      <c r="N1246" s="16"/>
      <c r="O1246" s="19">
        <v>1947</v>
      </c>
      <c r="P1246" s="19">
        <v>1</v>
      </c>
      <c r="Q1246" s="22"/>
      <c r="R1246" s="23">
        <v>43943</v>
      </c>
      <c r="S1246" s="29"/>
      <c r="T1246" s="29"/>
    </row>
    <row r="1247" spans="1:20" ht="14.4" customHeight="1" x14ac:dyDescent="0.2">
      <c r="A1247" s="15" t="s">
        <v>8716</v>
      </c>
      <c r="B1247" s="10" t="s">
        <v>1824</v>
      </c>
      <c r="C1247" s="16">
        <v>1</v>
      </c>
      <c r="D1247" s="17">
        <v>511</v>
      </c>
      <c r="E1247" s="17">
        <v>1503</v>
      </c>
      <c r="F1247" s="25" t="s">
        <v>1448</v>
      </c>
      <c r="G1247" s="26" t="s">
        <v>10372</v>
      </c>
      <c r="H1247" s="25" t="s">
        <v>1449</v>
      </c>
      <c r="I1247" s="25" t="s">
        <v>10373</v>
      </c>
      <c r="J1247" s="18"/>
      <c r="K1247" s="19"/>
      <c r="L1247" s="25" t="s">
        <v>3065</v>
      </c>
      <c r="M1247" s="17" t="s">
        <v>4073</v>
      </c>
      <c r="N1247" s="54" t="s">
        <v>10374</v>
      </c>
      <c r="O1247" s="19">
        <v>1873</v>
      </c>
      <c r="P1247" s="19">
        <v>1</v>
      </c>
      <c r="Q1247" s="22"/>
      <c r="R1247" s="23">
        <v>44701</v>
      </c>
      <c r="S1247" s="29"/>
      <c r="T1247" s="29"/>
    </row>
    <row r="1248" spans="1:20" ht="14.4" customHeight="1" x14ac:dyDescent="0.2">
      <c r="A1248" s="15" t="s">
        <v>8717</v>
      </c>
      <c r="B1248" s="10" t="s">
        <v>1824</v>
      </c>
      <c r="C1248" s="16">
        <v>1</v>
      </c>
      <c r="D1248" s="17">
        <v>511</v>
      </c>
      <c r="E1248" s="17">
        <v>1503</v>
      </c>
      <c r="F1248" s="25" t="s">
        <v>1450</v>
      </c>
      <c r="G1248" s="26" t="s">
        <v>10375</v>
      </c>
      <c r="H1248" s="25" t="s">
        <v>1451</v>
      </c>
      <c r="I1248" s="25" t="s">
        <v>10376</v>
      </c>
      <c r="J1248" s="18"/>
      <c r="K1248" s="19"/>
      <c r="L1248" s="25" t="s">
        <v>3066</v>
      </c>
      <c r="M1248" s="17" t="s">
        <v>4074</v>
      </c>
      <c r="N1248" s="54" t="s">
        <v>10377</v>
      </c>
      <c r="O1248" s="19">
        <v>1873</v>
      </c>
      <c r="P1248" s="19">
        <v>1</v>
      </c>
      <c r="Q1248" s="22"/>
      <c r="R1248" s="23">
        <v>44701</v>
      </c>
      <c r="S1248" s="29"/>
      <c r="T1248" s="29"/>
    </row>
    <row r="1249" spans="1:20" ht="14.4" customHeight="1" x14ac:dyDescent="0.2">
      <c r="A1249" s="15" t="s">
        <v>8718</v>
      </c>
      <c r="B1249" s="10" t="s">
        <v>1824</v>
      </c>
      <c r="C1249" s="16">
        <v>2</v>
      </c>
      <c r="D1249" s="16">
        <v>512</v>
      </c>
      <c r="E1249" s="16">
        <v>1504</v>
      </c>
      <c r="F1249" s="31" t="s">
        <v>9103</v>
      </c>
      <c r="G1249" s="32" t="s">
        <v>10378</v>
      </c>
      <c r="H1249" s="31" t="s">
        <v>1791</v>
      </c>
      <c r="I1249" s="31" t="s">
        <v>10379</v>
      </c>
      <c r="J1249" s="19"/>
      <c r="K1249" s="19"/>
      <c r="L1249" s="31" t="s">
        <v>3067</v>
      </c>
      <c r="M1249" s="16" t="s">
        <v>4075</v>
      </c>
      <c r="N1249" s="54" t="s">
        <v>10380</v>
      </c>
      <c r="O1249" s="19">
        <v>2019</v>
      </c>
      <c r="P1249" s="19">
        <v>1</v>
      </c>
      <c r="Q1249" s="22"/>
      <c r="R1249" s="23">
        <v>44701</v>
      </c>
      <c r="S1249" s="29"/>
      <c r="T1249" s="29"/>
    </row>
    <row r="1250" spans="1:20" ht="14.4" customHeight="1" x14ac:dyDescent="0.2">
      <c r="A1250" s="15" t="s">
        <v>9030</v>
      </c>
      <c r="B1250" s="10" t="s">
        <v>1825</v>
      </c>
      <c r="C1250" s="16">
        <v>1</v>
      </c>
      <c r="D1250" s="17">
        <v>511</v>
      </c>
      <c r="E1250" s="17">
        <v>1503</v>
      </c>
      <c r="F1250" s="25" t="s">
        <v>1452</v>
      </c>
      <c r="G1250" s="26" t="s">
        <v>7382</v>
      </c>
      <c r="H1250" s="25" t="s">
        <v>1453</v>
      </c>
      <c r="I1250" s="25" t="s">
        <v>9216</v>
      </c>
      <c r="J1250" s="18"/>
      <c r="K1250" s="19"/>
      <c r="L1250" s="25" t="s">
        <v>3068</v>
      </c>
      <c r="M1250" s="17" t="s">
        <v>4076</v>
      </c>
      <c r="N1250" s="20" t="s">
        <v>9217</v>
      </c>
      <c r="O1250" s="19">
        <v>2015</v>
      </c>
      <c r="P1250" s="19">
        <v>1</v>
      </c>
      <c r="Q1250" s="22"/>
      <c r="R1250" s="23">
        <v>44336</v>
      </c>
      <c r="S1250" s="29"/>
      <c r="T1250" s="29"/>
    </row>
    <row r="1251" spans="1:20" ht="14.4" customHeight="1" x14ac:dyDescent="0.2">
      <c r="A1251" s="15" t="s">
        <v>9996</v>
      </c>
      <c r="B1251" s="10" t="s">
        <v>1825</v>
      </c>
      <c r="C1251" s="16">
        <v>2</v>
      </c>
      <c r="D1251" s="16">
        <v>512</v>
      </c>
      <c r="E1251" s="16">
        <v>1504</v>
      </c>
      <c r="F1251" s="31" t="s">
        <v>5660</v>
      </c>
      <c r="G1251" s="32" t="s">
        <v>7383</v>
      </c>
      <c r="H1251" s="31" t="s">
        <v>1792</v>
      </c>
      <c r="I1251" s="31" t="s">
        <v>9997</v>
      </c>
      <c r="J1251" s="19"/>
      <c r="K1251" s="19"/>
      <c r="L1251" s="31" t="s">
        <v>3069</v>
      </c>
      <c r="M1251" s="16" t="s">
        <v>4077</v>
      </c>
      <c r="N1251" s="20" t="s">
        <v>9217</v>
      </c>
      <c r="O1251" s="19">
        <v>2014</v>
      </c>
      <c r="P1251" s="19">
        <v>1</v>
      </c>
      <c r="Q1251" s="22"/>
      <c r="R1251" s="23">
        <v>44336</v>
      </c>
      <c r="S1251" s="29"/>
      <c r="T1251" s="29"/>
    </row>
    <row r="1252" spans="1:20" ht="14.4" customHeight="1" x14ac:dyDescent="0.2">
      <c r="A1252" s="15" t="s">
        <v>8719</v>
      </c>
      <c r="B1252" s="10" t="s">
        <v>1826</v>
      </c>
      <c r="C1252" s="16">
        <v>1</v>
      </c>
      <c r="D1252" s="17">
        <v>511</v>
      </c>
      <c r="E1252" s="17">
        <v>1503</v>
      </c>
      <c r="F1252" s="25" t="s">
        <v>1454</v>
      </c>
      <c r="G1252" s="26" t="s">
        <v>7384</v>
      </c>
      <c r="H1252" s="25" t="s">
        <v>1455</v>
      </c>
      <c r="I1252" s="25" t="s">
        <v>10474</v>
      </c>
      <c r="J1252" s="18"/>
      <c r="K1252" s="19"/>
      <c r="L1252" s="25" t="s">
        <v>3070</v>
      </c>
      <c r="M1252" s="17" t="s">
        <v>4078</v>
      </c>
      <c r="N1252" s="16" t="s">
        <v>5661</v>
      </c>
      <c r="O1252" s="19">
        <v>1873</v>
      </c>
      <c r="P1252" s="19">
        <v>1</v>
      </c>
      <c r="Q1252" s="22"/>
      <c r="R1252" s="23">
        <v>43943</v>
      </c>
      <c r="S1252" s="29"/>
      <c r="T1252" s="29"/>
    </row>
    <row r="1253" spans="1:20" ht="14.4" customHeight="1" x14ac:dyDescent="0.2">
      <c r="A1253" s="15" t="s">
        <v>8720</v>
      </c>
      <c r="B1253" s="10" t="s">
        <v>1826</v>
      </c>
      <c r="C1253" s="16">
        <v>1</v>
      </c>
      <c r="D1253" s="17">
        <v>511</v>
      </c>
      <c r="E1253" s="17">
        <v>1503</v>
      </c>
      <c r="F1253" s="25" t="s">
        <v>1456</v>
      </c>
      <c r="G1253" s="26" t="s">
        <v>7385</v>
      </c>
      <c r="H1253" s="25" t="s">
        <v>5662</v>
      </c>
      <c r="I1253" s="25" t="s">
        <v>10475</v>
      </c>
      <c r="J1253" s="18"/>
      <c r="K1253" s="19"/>
      <c r="L1253" s="25" t="s">
        <v>3071</v>
      </c>
      <c r="M1253" s="17" t="s">
        <v>4079</v>
      </c>
      <c r="N1253" s="16" t="s">
        <v>5663</v>
      </c>
      <c r="O1253" s="19">
        <v>2010</v>
      </c>
      <c r="P1253" s="19">
        <v>1</v>
      </c>
      <c r="Q1253" s="22"/>
      <c r="R1253" s="23">
        <v>43943</v>
      </c>
      <c r="S1253" s="29"/>
      <c r="T1253" s="29"/>
    </row>
    <row r="1254" spans="1:20" ht="14.4" customHeight="1" x14ac:dyDescent="0.2">
      <c r="A1254" s="15" t="s">
        <v>8721</v>
      </c>
      <c r="B1254" s="10" t="s">
        <v>1826</v>
      </c>
      <c r="C1254" s="16">
        <v>2</v>
      </c>
      <c r="D1254" s="16">
        <v>512</v>
      </c>
      <c r="E1254" s="16">
        <v>1504</v>
      </c>
      <c r="F1254" s="31" t="s">
        <v>1793</v>
      </c>
      <c r="G1254" s="32" t="s">
        <v>7386</v>
      </c>
      <c r="H1254" s="31" t="s">
        <v>1794</v>
      </c>
      <c r="I1254" s="31" t="s">
        <v>10476</v>
      </c>
      <c r="J1254" s="19"/>
      <c r="K1254" s="19"/>
      <c r="L1254" s="31" t="s">
        <v>3072</v>
      </c>
      <c r="M1254" s="16" t="s">
        <v>4080</v>
      </c>
      <c r="N1254" s="16" t="s">
        <v>5664</v>
      </c>
      <c r="O1254" s="19">
        <v>1947</v>
      </c>
      <c r="P1254" s="19">
        <v>1</v>
      </c>
      <c r="Q1254" s="22"/>
      <c r="R1254" s="23">
        <v>43943</v>
      </c>
      <c r="S1254" s="29"/>
      <c r="T1254" s="29"/>
    </row>
    <row r="1255" spans="1:20" ht="14.4" customHeight="1" x14ac:dyDescent="0.2">
      <c r="A1255" s="15" t="s">
        <v>9218</v>
      </c>
      <c r="B1255" s="10" t="s">
        <v>1827</v>
      </c>
      <c r="C1255" s="16">
        <v>1</v>
      </c>
      <c r="D1255" s="17">
        <v>511</v>
      </c>
      <c r="E1255" s="17">
        <v>1503</v>
      </c>
      <c r="F1255" s="25" t="s">
        <v>1457</v>
      </c>
      <c r="G1255" s="26" t="s">
        <v>7387</v>
      </c>
      <c r="H1255" s="25" t="s">
        <v>1458</v>
      </c>
      <c r="I1255" s="25" t="s">
        <v>5665</v>
      </c>
      <c r="J1255" s="18"/>
      <c r="K1255" s="19"/>
      <c r="L1255" s="25" t="s">
        <v>3073</v>
      </c>
      <c r="M1255" s="17" t="s">
        <v>4081</v>
      </c>
      <c r="N1255" s="16" t="s">
        <v>5666</v>
      </c>
      <c r="O1255" s="19">
        <v>1872</v>
      </c>
      <c r="P1255" s="19">
        <v>1</v>
      </c>
      <c r="Q1255" s="22"/>
      <c r="R1255" s="23">
        <v>45065</v>
      </c>
      <c r="S1255" s="29"/>
      <c r="T1255" s="29"/>
    </row>
    <row r="1256" spans="1:20" ht="14.4" customHeight="1" x14ac:dyDescent="0.2">
      <c r="A1256" s="15" t="s">
        <v>9219</v>
      </c>
      <c r="B1256" s="10" t="s">
        <v>1827</v>
      </c>
      <c r="C1256" s="16">
        <v>1</v>
      </c>
      <c r="D1256" s="17">
        <v>511</v>
      </c>
      <c r="E1256" s="17">
        <v>1503</v>
      </c>
      <c r="F1256" s="25" t="s">
        <v>1459</v>
      </c>
      <c r="G1256" s="26" t="s">
        <v>7388</v>
      </c>
      <c r="H1256" s="25" t="s">
        <v>1460</v>
      </c>
      <c r="I1256" s="25" t="s">
        <v>5667</v>
      </c>
      <c r="J1256" s="18"/>
      <c r="K1256" s="19"/>
      <c r="L1256" s="25" t="s">
        <v>3074</v>
      </c>
      <c r="M1256" s="17" t="s">
        <v>4082</v>
      </c>
      <c r="N1256" s="16" t="s">
        <v>5668</v>
      </c>
      <c r="O1256" s="19">
        <v>2008</v>
      </c>
      <c r="P1256" s="19">
        <v>1</v>
      </c>
      <c r="Q1256" s="22"/>
      <c r="R1256" s="23">
        <v>45065</v>
      </c>
      <c r="S1256" s="29"/>
      <c r="T1256" s="29"/>
    </row>
    <row r="1257" spans="1:20" ht="14.4" customHeight="1" x14ac:dyDescent="0.2">
      <c r="A1257" s="15" t="s">
        <v>9220</v>
      </c>
      <c r="B1257" s="10" t="s">
        <v>1827</v>
      </c>
      <c r="C1257" s="16">
        <v>1</v>
      </c>
      <c r="D1257" s="17">
        <v>511</v>
      </c>
      <c r="E1257" s="17">
        <v>1503</v>
      </c>
      <c r="F1257" s="25" t="s">
        <v>1461</v>
      </c>
      <c r="G1257" s="26" t="s">
        <v>7389</v>
      </c>
      <c r="H1257" s="25" t="s">
        <v>1462</v>
      </c>
      <c r="I1257" s="25" t="s">
        <v>5669</v>
      </c>
      <c r="J1257" s="18"/>
      <c r="K1257" s="19"/>
      <c r="L1257" s="25" t="s">
        <v>3075</v>
      </c>
      <c r="M1257" s="17" t="s">
        <v>4083</v>
      </c>
      <c r="N1257" s="16" t="s">
        <v>5670</v>
      </c>
      <c r="O1257" s="19">
        <v>1873</v>
      </c>
      <c r="P1257" s="19">
        <v>1</v>
      </c>
      <c r="Q1257" s="22"/>
      <c r="R1257" s="23">
        <v>45065</v>
      </c>
      <c r="S1257" s="29"/>
      <c r="T1257" s="29"/>
    </row>
    <row r="1258" spans="1:20" ht="14.4" customHeight="1" x14ac:dyDescent="0.2">
      <c r="A1258" s="15" t="s">
        <v>9221</v>
      </c>
      <c r="B1258" s="10" t="s">
        <v>1827</v>
      </c>
      <c r="C1258" s="16">
        <v>2</v>
      </c>
      <c r="D1258" s="16">
        <v>512</v>
      </c>
      <c r="E1258" s="16">
        <v>1504</v>
      </c>
      <c r="F1258" s="31" t="s">
        <v>1795</v>
      </c>
      <c r="G1258" s="32" t="s">
        <v>7390</v>
      </c>
      <c r="H1258" s="31" t="s">
        <v>1796</v>
      </c>
      <c r="I1258" s="31" t="s">
        <v>5671</v>
      </c>
      <c r="J1258" s="19"/>
      <c r="K1258" s="19"/>
      <c r="L1258" s="31" t="s">
        <v>1841</v>
      </c>
      <c r="M1258" s="16" t="s">
        <v>5672</v>
      </c>
      <c r="N1258" s="16" t="s">
        <v>5673</v>
      </c>
      <c r="O1258" s="19">
        <v>2008</v>
      </c>
      <c r="P1258" s="19">
        <v>1</v>
      </c>
      <c r="Q1258" s="22"/>
      <c r="R1258" s="23">
        <v>45065</v>
      </c>
      <c r="S1258" s="29"/>
      <c r="T1258" s="29"/>
    </row>
    <row r="1259" spans="1:20" ht="14.4" customHeight="1" x14ac:dyDescent="0.2">
      <c r="A1259" s="15" t="s">
        <v>9031</v>
      </c>
      <c r="B1259" s="74" t="s">
        <v>1828</v>
      </c>
      <c r="C1259" s="75">
        <v>1</v>
      </c>
      <c r="D1259" s="76">
        <v>511</v>
      </c>
      <c r="E1259" s="76">
        <v>1503</v>
      </c>
      <c r="F1259" s="77" t="s">
        <v>1463</v>
      </c>
      <c r="G1259" s="78" t="s">
        <v>6019</v>
      </c>
      <c r="H1259" s="77" t="s">
        <v>1464</v>
      </c>
      <c r="I1259" s="77" t="s">
        <v>6020</v>
      </c>
      <c r="J1259" s="79">
        <v>35.092326</v>
      </c>
      <c r="K1259" s="80">
        <v>139.08228800000001</v>
      </c>
      <c r="L1259" s="77" t="s">
        <v>3076</v>
      </c>
      <c r="M1259" s="79" t="s">
        <v>4084</v>
      </c>
      <c r="N1259" s="80" t="s">
        <v>6021</v>
      </c>
      <c r="O1259" s="80">
        <v>2005</v>
      </c>
      <c r="P1259" s="80">
        <v>1</v>
      </c>
      <c r="Q1259" s="22"/>
      <c r="R1259" s="23">
        <v>45065</v>
      </c>
      <c r="S1259" s="29"/>
      <c r="T1259" s="29"/>
    </row>
    <row r="1260" spans="1:20" ht="14.4" customHeight="1" x14ac:dyDescent="0.2">
      <c r="A1260" s="15" t="s">
        <v>9032</v>
      </c>
      <c r="B1260" s="74" t="s">
        <v>1828</v>
      </c>
      <c r="C1260" s="75">
        <v>2</v>
      </c>
      <c r="D1260" s="75">
        <v>512</v>
      </c>
      <c r="E1260" s="75">
        <v>1504</v>
      </c>
      <c r="F1260" s="81" t="s">
        <v>1797</v>
      </c>
      <c r="G1260" s="82" t="s">
        <v>6022</v>
      </c>
      <c r="H1260" s="81" t="s">
        <v>1464</v>
      </c>
      <c r="I1260" s="81" t="s">
        <v>6023</v>
      </c>
      <c r="J1260" s="80">
        <v>35.092691000000002</v>
      </c>
      <c r="K1260" s="80">
        <v>139.075096</v>
      </c>
      <c r="L1260" s="81" t="s">
        <v>3077</v>
      </c>
      <c r="M1260" s="80" t="s">
        <v>4085</v>
      </c>
      <c r="N1260" s="80" t="s">
        <v>6024</v>
      </c>
      <c r="O1260" s="80">
        <v>1947</v>
      </c>
      <c r="P1260" s="80">
        <v>0</v>
      </c>
      <c r="Q1260" s="22"/>
      <c r="R1260" s="23">
        <v>45065</v>
      </c>
      <c r="S1260" s="29"/>
      <c r="T1260" s="29"/>
    </row>
    <row r="1261" spans="1:20" ht="14.4" customHeight="1" x14ac:dyDescent="0.2">
      <c r="A1261" s="42" t="s">
        <v>8722</v>
      </c>
      <c r="B1261" s="10" t="s">
        <v>1829</v>
      </c>
      <c r="C1261" s="83">
        <v>1</v>
      </c>
      <c r="D1261" s="84">
        <v>511</v>
      </c>
      <c r="E1261" s="84">
        <v>1503</v>
      </c>
      <c r="F1261" s="43" t="s">
        <v>1465</v>
      </c>
      <c r="G1261" s="26" t="s">
        <v>7391</v>
      </c>
      <c r="H1261" s="43" t="s">
        <v>1466</v>
      </c>
      <c r="I1261" s="43" t="s">
        <v>5674</v>
      </c>
      <c r="J1261" s="18"/>
      <c r="K1261" s="19"/>
      <c r="L1261" s="43" t="s">
        <v>3078</v>
      </c>
      <c r="M1261" s="17" t="s">
        <v>4086</v>
      </c>
      <c r="N1261" s="20" t="s">
        <v>10381</v>
      </c>
      <c r="O1261" s="19">
        <v>1872</v>
      </c>
      <c r="P1261" s="19">
        <v>1</v>
      </c>
      <c r="Q1261" s="41"/>
      <c r="R1261" s="23">
        <v>44701</v>
      </c>
      <c r="S1261" s="29"/>
      <c r="T1261" s="29"/>
    </row>
    <row r="1262" spans="1:20" ht="14.4" customHeight="1" x14ac:dyDescent="0.2">
      <c r="A1262" s="42" t="s">
        <v>8723</v>
      </c>
      <c r="B1262" s="10" t="s">
        <v>1829</v>
      </c>
      <c r="C1262" s="40">
        <v>1</v>
      </c>
      <c r="D1262" s="17">
        <v>511</v>
      </c>
      <c r="E1262" s="17">
        <v>1503</v>
      </c>
      <c r="F1262" s="43" t="s">
        <v>1467</v>
      </c>
      <c r="G1262" s="26" t="s">
        <v>7392</v>
      </c>
      <c r="H1262" s="43" t="s">
        <v>1468</v>
      </c>
      <c r="I1262" s="43" t="s">
        <v>5675</v>
      </c>
      <c r="J1262" s="18"/>
      <c r="K1262" s="19"/>
      <c r="L1262" s="43" t="s">
        <v>3079</v>
      </c>
      <c r="M1262" s="17" t="s">
        <v>4087</v>
      </c>
      <c r="N1262" s="20" t="s">
        <v>10001</v>
      </c>
      <c r="O1262" s="19">
        <v>1873</v>
      </c>
      <c r="P1262" s="19">
        <v>1</v>
      </c>
      <c r="Q1262" s="41"/>
      <c r="R1262" s="23">
        <v>44701</v>
      </c>
      <c r="S1262" s="29"/>
      <c r="T1262" s="29"/>
    </row>
    <row r="1263" spans="1:20" ht="14.4" customHeight="1" x14ac:dyDescent="0.2">
      <c r="A1263" s="42" t="s">
        <v>8724</v>
      </c>
      <c r="B1263" s="10" t="s">
        <v>1829</v>
      </c>
      <c r="C1263" s="40">
        <v>1</v>
      </c>
      <c r="D1263" s="17">
        <v>511</v>
      </c>
      <c r="E1263" s="17">
        <v>1503</v>
      </c>
      <c r="F1263" s="43" t="s">
        <v>1469</v>
      </c>
      <c r="G1263" s="26" t="s">
        <v>7393</v>
      </c>
      <c r="H1263" s="43" t="s">
        <v>1468</v>
      </c>
      <c r="I1263" s="43" t="s">
        <v>5676</v>
      </c>
      <c r="J1263" s="18"/>
      <c r="K1263" s="19"/>
      <c r="L1263" s="43" t="s">
        <v>3080</v>
      </c>
      <c r="M1263" s="17" t="s">
        <v>4088</v>
      </c>
      <c r="N1263" s="20" t="s">
        <v>10382</v>
      </c>
      <c r="O1263" s="19">
        <v>1987</v>
      </c>
      <c r="P1263" s="19">
        <v>1</v>
      </c>
      <c r="Q1263" s="41"/>
      <c r="R1263" s="23">
        <v>44701</v>
      </c>
      <c r="S1263" s="29"/>
      <c r="T1263" s="29"/>
    </row>
    <row r="1264" spans="1:20" ht="14.4" customHeight="1" x14ac:dyDescent="0.2">
      <c r="A1264" s="42" t="s">
        <v>8725</v>
      </c>
      <c r="B1264" s="10" t="s">
        <v>1829</v>
      </c>
      <c r="C1264" s="16">
        <v>2</v>
      </c>
      <c r="D1264" s="16">
        <v>512</v>
      </c>
      <c r="E1264" s="16">
        <v>1504</v>
      </c>
      <c r="F1264" s="35" t="s">
        <v>1798</v>
      </c>
      <c r="G1264" s="32" t="s">
        <v>7394</v>
      </c>
      <c r="H1264" s="35" t="s">
        <v>1468</v>
      </c>
      <c r="I1264" s="35" t="s">
        <v>5677</v>
      </c>
      <c r="J1264" s="19"/>
      <c r="K1264" s="19"/>
      <c r="L1264" s="35" t="s">
        <v>3081</v>
      </c>
      <c r="M1264" s="16" t="s">
        <v>4089</v>
      </c>
      <c r="N1264" s="16" t="s">
        <v>5678</v>
      </c>
      <c r="O1264" s="19">
        <v>1947</v>
      </c>
      <c r="P1264" s="19">
        <v>0</v>
      </c>
      <c r="Q1264" s="46"/>
      <c r="R1264" s="23">
        <v>44701</v>
      </c>
      <c r="S1264" s="29"/>
      <c r="T1264" s="29"/>
    </row>
    <row r="1265" spans="1:20" ht="14.4" customHeight="1" x14ac:dyDescent="0.2">
      <c r="A1265" s="15" t="s">
        <v>8726</v>
      </c>
      <c r="B1265" s="10" t="s">
        <v>1830</v>
      </c>
      <c r="C1265" s="16">
        <v>1</v>
      </c>
      <c r="D1265" s="17">
        <v>511</v>
      </c>
      <c r="E1265" s="17">
        <v>1503</v>
      </c>
      <c r="F1265" s="25" t="s">
        <v>1470</v>
      </c>
      <c r="G1265" s="26" t="s">
        <v>7395</v>
      </c>
      <c r="H1265" s="25" t="s">
        <v>1471</v>
      </c>
      <c r="I1265" s="25" t="s">
        <v>5999</v>
      </c>
      <c r="J1265" s="18"/>
      <c r="K1265" s="19"/>
      <c r="L1265" s="25" t="s">
        <v>3082</v>
      </c>
      <c r="M1265" s="17" t="s">
        <v>4090</v>
      </c>
      <c r="N1265" s="16" t="s">
        <v>6000</v>
      </c>
      <c r="O1265" s="19">
        <v>1873</v>
      </c>
      <c r="P1265" s="19">
        <v>1</v>
      </c>
      <c r="Q1265" s="22"/>
      <c r="R1265" s="23">
        <v>45065</v>
      </c>
      <c r="S1265" s="29"/>
      <c r="T1265" s="29"/>
    </row>
    <row r="1266" spans="1:20" ht="14.4" customHeight="1" x14ac:dyDescent="0.2">
      <c r="A1266" s="15" t="s">
        <v>8727</v>
      </c>
      <c r="B1266" s="10" t="s">
        <v>1830</v>
      </c>
      <c r="C1266" s="16">
        <v>1</v>
      </c>
      <c r="D1266" s="17">
        <v>511</v>
      </c>
      <c r="E1266" s="17">
        <v>1503</v>
      </c>
      <c r="F1266" s="25" t="s">
        <v>1472</v>
      </c>
      <c r="G1266" s="26" t="s">
        <v>7396</v>
      </c>
      <c r="H1266" s="25" t="s">
        <v>1473</v>
      </c>
      <c r="I1266" s="25" t="s">
        <v>6001</v>
      </c>
      <c r="J1266" s="18"/>
      <c r="K1266" s="19"/>
      <c r="L1266" s="25" t="s">
        <v>3083</v>
      </c>
      <c r="M1266" s="17" t="s">
        <v>4091</v>
      </c>
      <c r="N1266" s="16" t="s">
        <v>6002</v>
      </c>
      <c r="O1266" s="19">
        <v>1894</v>
      </c>
      <c r="P1266" s="19">
        <v>1</v>
      </c>
      <c r="Q1266" s="22"/>
      <c r="R1266" s="23">
        <v>45065</v>
      </c>
      <c r="S1266" s="29"/>
      <c r="T1266" s="29"/>
    </row>
    <row r="1267" spans="1:20" ht="14.4" customHeight="1" x14ac:dyDescent="0.2">
      <c r="A1267" s="15" t="s">
        <v>8728</v>
      </c>
      <c r="B1267" s="10" t="s">
        <v>1830</v>
      </c>
      <c r="C1267" s="16">
        <v>1</v>
      </c>
      <c r="D1267" s="17">
        <v>511</v>
      </c>
      <c r="E1267" s="17">
        <v>1503</v>
      </c>
      <c r="F1267" s="25" t="s">
        <v>1474</v>
      </c>
      <c r="G1267" s="26" t="s">
        <v>7397</v>
      </c>
      <c r="H1267" s="25" t="s">
        <v>1475</v>
      </c>
      <c r="I1267" s="25" t="s">
        <v>6003</v>
      </c>
      <c r="J1267" s="18"/>
      <c r="K1267" s="19"/>
      <c r="L1267" s="25" t="s">
        <v>3084</v>
      </c>
      <c r="M1267" s="17" t="s">
        <v>4092</v>
      </c>
      <c r="N1267" s="16" t="s">
        <v>6004</v>
      </c>
      <c r="O1267" s="19">
        <v>1873</v>
      </c>
      <c r="P1267" s="19">
        <v>1</v>
      </c>
      <c r="Q1267" s="22"/>
      <c r="R1267" s="23">
        <v>45065</v>
      </c>
      <c r="S1267" s="29"/>
      <c r="T1267" s="29"/>
    </row>
    <row r="1268" spans="1:20" ht="14.4" customHeight="1" x14ac:dyDescent="0.2">
      <c r="A1268" s="15" t="s">
        <v>8729</v>
      </c>
      <c r="B1268" s="10" t="s">
        <v>1830</v>
      </c>
      <c r="C1268" s="16">
        <v>1</v>
      </c>
      <c r="D1268" s="17">
        <v>511</v>
      </c>
      <c r="E1268" s="17">
        <v>1503</v>
      </c>
      <c r="F1268" s="25" t="s">
        <v>1476</v>
      </c>
      <c r="G1268" s="26" t="s">
        <v>7398</v>
      </c>
      <c r="H1268" s="25" t="s">
        <v>1477</v>
      </c>
      <c r="I1268" s="25" t="s">
        <v>6005</v>
      </c>
      <c r="J1268" s="18"/>
      <c r="K1268" s="19"/>
      <c r="L1268" s="25" t="s">
        <v>3085</v>
      </c>
      <c r="M1268" s="17" t="s">
        <v>4093</v>
      </c>
      <c r="N1268" s="16" t="s">
        <v>6006</v>
      </c>
      <c r="O1268" s="19">
        <v>1873</v>
      </c>
      <c r="P1268" s="19">
        <v>1</v>
      </c>
      <c r="Q1268" s="22"/>
      <c r="R1268" s="23">
        <v>45065</v>
      </c>
      <c r="S1268" s="29"/>
      <c r="T1268" s="29"/>
    </row>
    <row r="1269" spans="1:20" ht="14.4" customHeight="1" x14ac:dyDescent="0.2">
      <c r="A1269" s="15" t="s">
        <v>8730</v>
      </c>
      <c r="B1269" s="10" t="s">
        <v>1830</v>
      </c>
      <c r="C1269" s="16">
        <v>1</v>
      </c>
      <c r="D1269" s="17">
        <v>511</v>
      </c>
      <c r="E1269" s="17">
        <v>1503</v>
      </c>
      <c r="F1269" s="25" t="s">
        <v>1478</v>
      </c>
      <c r="G1269" s="26" t="s">
        <v>7399</v>
      </c>
      <c r="H1269" s="25" t="s">
        <v>1479</v>
      </c>
      <c r="I1269" s="25" t="s">
        <v>6007</v>
      </c>
      <c r="J1269" s="18"/>
      <c r="K1269" s="19"/>
      <c r="L1269" s="25" t="s">
        <v>3086</v>
      </c>
      <c r="M1269" s="17" t="s">
        <v>4094</v>
      </c>
      <c r="N1269" s="14" t="s">
        <v>10633</v>
      </c>
      <c r="O1269" s="19">
        <v>1971</v>
      </c>
      <c r="P1269" s="19">
        <v>1</v>
      </c>
      <c r="Q1269" s="22"/>
      <c r="R1269" s="23">
        <v>45065</v>
      </c>
      <c r="S1269" s="29"/>
      <c r="T1269" s="29"/>
    </row>
    <row r="1270" spans="1:20" ht="14.4" customHeight="1" x14ac:dyDescent="0.2">
      <c r="A1270" s="15" t="s">
        <v>8731</v>
      </c>
      <c r="B1270" s="10" t="s">
        <v>1830</v>
      </c>
      <c r="C1270" s="16">
        <v>1</v>
      </c>
      <c r="D1270" s="17">
        <v>511</v>
      </c>
      <c r="E1270" s="17">
        <v>1503</v>
      </c>
      <c r="F1270" s="25" t="s">
        <v>1480</v>
      </c>
      <c r="G1270" s="26" t="s">
        <v>7400</v>
      </c>
      <c r="H1270" s="25" t="s">
        <v>1471</v>
      </c>
      <c r="I1270" s="25" t="s">
        <v>6008</v>
      </c>
      <c r="J1270" s="18"/>
      <c r="K1270" s="19"/>
      <c r="L1270" s="25" t="s">
        <v>3087</v>
      </c>
      <c r="M1270" s="17" t="s">
        <v>4095</v>
      </c>
      <c r="N1270" s="16" t="s">
        <v>6009</v>
      </c>
      <c r="O1270" s="19">
        <v>1982</v>
      </c>
      <c r="P1270" s="19">
        <v>1</v>
      </c>
      <c r="Q1270" s="22"/>
      <c r="R1270" s="23">
        <v>45065</v>
      </c>
      <c r="S1270" s="29"/>
      <c r="T1270" s="29"/>
    </row>
    <row r="1271" spans="1:20" ht="14.4" customHeight="1" x14ac:dyDescent="0.2">
      <c r="A1271" s="15" t="s">
        <v>8732</v>
      </c>
      <c r="B1271" s="10" t="s">
        <v>1830</v>
      </c>
      <c r="C1271" s="16">
        <v>2</v>
      </c>
      <c r="D1271" s="16">
        <v>512</v>
      </c>
      <c r="E1271" s="16">
        <v>1504</v>
      </c>
      <c r="F1271" s="31" t="s">
        <v>6010</v>
      </c>
      <c r="G1271" s="32" t="s">
        <v>7401</v>
      </c>
      <c r="H1271" s="31" t="s">
        <v>1471</v>
      </c>
      <c r="I1271" s="31" t="s">
        <v>6011</v>
      </c>
      <c r="J1271" s="19"/>
      <c r="K1271" s="19"/>
      <c r="L1271" s="31" t="s">
        <v>3088</v>
      </c>
      <c r="M1271" s="31" t="s">
        <v>4096</v>
      </c>
      <c r="N1271" s="16" t="s">
        <v>6012</v>
      </c>
      <c r="O1271" s="19">
        <v>1960</v>
      </c>
      <c r="P1271" s="19">
        <v>1</v>
      </c>
      <c r="Q1271" s="22"/>
      <c r="R1271" s="23">
        <v>45065</v>
      </c>
      <c r="S1271" s="29"/>
      <c r="T1271" s="29"/>
    </row>
    <row r="1272" spans="1:20" ht="14.4" customHeight="1" x14ac:dyDescent="0.2">
      <c r="A1272" s="15" t="s">
        <v>8733</v>
      </c>
      <c r="B1272" s="10" t="s">
        <v>1830</v>
      </c>
      <c r="C1272" s="16">
        <v>2</v>
      </c>
      <c r="D1272" s="16">
        <v>512</v>
      </c>
      <c r="E1272" s="16">
        <v>1504</v>
      </c>
      <c r="F1272" s="31" t="s">
        <v>6013</v>
      </c>
      <c r="G1272" s="32" t="s">
        <v>7402</v>
      </c>
      <c r="H1272" s="31" t="s">
        <v>1475</v>
      </c>
      <c r="I1272" s="31" t="s">
        <v>6014</v>
      </c>
      <c r="J1272" s="19"/>
      <c r="K1272" s="19"/>
      <c r="L1272" s="31" t="s">
        <v>3089</v>
      </c>
      <c r="M1272" s="31" t="s">
        <v>4097</v>
      </c>
      <c r="N1272" s="16" t="s">
        <v>6015</v>
      </c>
      <c r="O1272" s="19">
        <v>1947</v>
      </c>
      <c r="P1272" s="19">
        <v>1</v>
      </c>
      <c r="Q1272" s="22"/>
      <c r="R1272" s="23">
        <v>45065</v>
      </c>
      <c r="S1272" s="29"/>
      <c r="T1272" s="29"/>
    </row>
    <row r="1273" spans="1:20" ht="14.4" customHeight="1" x14ac:dyDescent="0.2">
      <c r="A1273" s="15" t="s">
        <v>8734</v>
      </c>
      <c r="B1273" s="10" t="s">
        <v>1830</v>
      </c>
      <c r="C1273" s="16">
        <v>2</v>
      </c>
      <c r="D1273" s="16">
        <v>512</v>
      </c>
      <c r="E1273" s="16">
        <v>1504</v>
      </c>
      <c r="F1273" s="31" t="s">
        <v>1799</v>
      </c>
      <c r="G1273" s="32" t="s">
        <v>7403</v>
      </c>
      <c r="H1273" s="31" t="s">
        <v>6016</v>
      </c>
      <c r="I1273" s="31" t="s">
        <v>6017</v>
      </c>
      <c r="J1273" s="19"/>
      <c r="K1273" s="19"/>
      <c r="L1273" s="31" t="s">
        <v>3090</v>
      </c>
      <c r="M1273" s="31" t="s">
        <v>4098</v>
      </c>
      <c r="N1273" s="16" t="s">
        <v>6018</v>
      </c>
      <c r="O1273" s="19">
        <v>1986</v>
      </c>
      <c r="P1273" s="19">
        <v>1</v>
      </c>
      <c r="Q1273" s="22"/>
      <c r="R1273" s="23">
        <v>45065</v>
      </c>
      <c r="S1273" s="29"/>
      <c r="T1273" s="29"/>
    </row>
    <row r="1274" spans="1:20" ht="14.4" customHeight="1" x14ac:dyDescent="0.2">
      <c r="A1274" s="15" t="s">
        <v>8735</v>
      </c>
      <c r="B1274" s="10" t="s">
        <v>1831</v>
      </c>
      <c r="C1274" s="16">
        <v>1</v>
      </c>
      <c r="D1274" s="17">
        <v>511</v>
      </c>
      <c r="E1274" s="17">
        <v>1503</v>
      </c>
      <c r="F1274" s="25" t="s">
        <v>9053</v>
      </c>
      <c r="G1274" s="26" t="s">
        <v>7404</v>
      </c>
      <c r="H1274" s="25" t="s">
        <v>1481</v>
      </c>
      <c r="I1274" s="25" t="s">
        <v>5997</v>
      </c>
      <c r="J1274" s="18"/>
      <c r="K1274" s="19"/>
      <c r="L1274" s="25" t="s">
        <v>3091</v>
      </c>
      <c r="M1274" s="17" t="s">
        <v>4099</v>
      </c>
      <c r="N1274" s="16" t="s">
        <v>5679</v>
      </c>
      <c r="O1274" s="19">
        <v>1873</v>
      </c>
      <c r="P1274" s="19">
        <v>1</v>
      </c>
      <c r="Q1274" s="22" t="s">
        <v>5680</v>
      </c>
      <c r="R1274" s="23">
        <v>44336</v>
      </c>
      <c r="S1274" s="29"/>
      <c r="T1274" s="29"/>
    </row>
    <row r="1275" spans="1:20" ht="14.4" customHeight="1" x14ac:dyDescent="0.2">
      <c r="A1275" s="15" t="s">
        <v>8736</v>
      </c>
      <c r="B1275" s="10" t="s">
        <v>1831</v>
      </c>
      <c r="C1275" s="16">
        <v>1</v>
      </c>
      <c r="D1275" s="17">
        <v>511</v>
      </c>
      <c r="E1275" s="17">
        <v>1503</v>
      </c>
      <c r="F1275" s="25" t="s">
        <v>9054</v>
      </c>
      <c r="G1275" s="26" t="s">
        <v>7405</v>
      </c>
      <c r="H1275" s="25" t="s">
        <v>1482</v>
      </c>
      <c r="I1275" s="25" t="s">
        <v>9998</v>
      </c>
      <c r="J1275" s="18"/>
      <c r="K1275" s="19"/>
      <c r="L1275" s="25" t="s">
        <v>3092</v>
      </c>
      <c r="M1275" s="17" t="s">
        <v>4100</v>
      </c>
      <c r="N1275" s="16" t="s">
        <v>5681</v>
      </c>
      <c r="O1275" s="19">
        <v>1873</v>
      </c>
      <c r="P1275" s="19">
        <v>1</v>
      </c>
      <c r="Q1275" s="22" t="s">
        <v>5682</v>
      </c>
      <c r="R1275" s="23">
        <v>44336</v>
      </c>
      <c r="S1275" s="29"/>
      <c r="T1275" s="29"/>
    </row>
    <row r="1276" spans="1:20" ht="14.4" customHeight="1" x14ac:dyDescent="0.2">
      <c r="A1276" s="15" t="s">
        <v>8737</v>
      </c>
      <c r="B1276" s="10" t="s">
        <v>1831</v>
      </c>
      <c r="C1276" s="16">
        <v>2</v>
      </c>
      <c r="D1276" s="16">
        <v>512</v>
      </c>
      <c r="E1276" s="16">
        <v>1504</v>
      </c>
      <c r="F1276" s="31" t="s">
        <v>1800</v>
      </c>
      <c r="G1276" s="32" t="s">
        <v>7406</v>
      </c>
      <c r="H1276" s="31" t="s">
        <v>1481</v>
      </c>
      <c r="I1276" s="31" t="s">
        <v>9999</v>
      </c>
      <c r="J1276" s="19"/>
      <c r="K1276" s="19"/>
      <c r="L1276" s="31" t="s">
        <v>3093</v>
      </c>
      <c r="M1276" s="16" t="s">
        <v>4101</v>
      </c>
      <c r="N1276" s="16" t="s">
        <v>5683</v>
      </c>
      <c r="O1276" s="19">
        <v>1947</v>
      </c>
      <c r="P1276" s="19">
        <v>1</v>
      </c>
      <c r="Q1276" s="22" t="s">
        <v>5684</v>
      </c>
      <c r="R1276" s="23">
        <v>44336</v>
      </c>
      <c r="S1276" s="29"/>
      <c r="T1276" s="29"/>
    </row>
    <row r="1277" spans="1:20" ht="14.4" customHeight="1" x14ac:dyDescent="0.2">
      <c r="A1277" s="15" t="s">
        <v>8738</v>
      </c>
      <c r="B1277" s="10" t="s">
        <v>1831</v>
      </c>
      <c r="C1277" s="16">
        <v>2</v>
      </c>
      <c r="D1277" s="16">
        <v>512</v>
      </c>
      <c r="E1277" s="16">
        <v>1504</v>
      </c>
      <c r="F1277" s="31" t="s">
        <v>1801</v>
      </c>
      <c r="G1277" s="32" t="s">
        <v>7407</v>
      </c>
      <c r="H1277" s="31" t="s">
        <v>1482</v>
      </c>
      <c r="I1277" s="31" t="s">
        <v>5998</v>
      </c>
      <c r="J1277" s="19"/>
      <c r="K1277" s="19"/>
      <c r="L1277" s="31" t="s">
        <v>3094</v>
      </c>
      <c r="M1277" s="16" t="s">
        <v>4102</v>
      </c>
      <c r="N1277" s="16" t="s">
        <v>5685</v>
      </c>
      <c r="O1277" s="19">
        <v>1947</v>
      </c>
      <c r="P1277" s="19">
        <v>1</v>
      </c>
      <c r="Q1277" s="22" t="s">
        <v>5686</v>
      </c>
      <c r="R1277" s="23">
        <v>44336</v>
      </c>
      <c r="S1277" s="29"/>
      <c r="T1277" s="29"/>
    </row>
    <row r="1278" spans="1:20" ht="14.4" customHeight="1" x14ac:dyDescent="0.2">
      <c r="A1278" s="42" t="s">
        <v>8739</v>
      </c>
      <c r="B1278" s="10" t="s">
        <v>5687</v>
      </c>
      <c r="C1278" s="16">
        <v>5</v>
      </c>
      <c r="D1278" s="16">
        <v>513</v>
      </c>
      <c r="E1278" s="16">
        <v>1505</v>
      </c>
      <c r="F1278" s="43" t="s">
        <v>5688</v>
      </c>
      <c r="G1278" s="26" t="s">
        <v>7408</v>
      </c>
      <c r="H1278" s="43" t="s">
        <v>53</v>
      </c>
      <c r="I1278" s="43" t="s">
        <v>5867</v>
      </c>
      <c r="J1278" s="19">
        <v>35.519046869999997</v>
      </c>
      <c r="K1278" s="19">
        <v>139.66325469</v>
      </c>
      <c r="L1278" s="43" t="s">
        <v>6025</v>
      </c>
      <c r="M1278" s="17" t="s">
        <v>6026</v>
      </c>
      <c r="N1278" s="16" t="s">
        <v>10006</v>
      </c>
      <c r="O1278" s="19">
        <v>1941</v>
      </c>
      <c r="P1278" s="19" t="s">
        <v>4103</v>
      </c>
      <c r="Q1278" s="41" t="s">
        <v>5852</v>
      </c>
      <c r="R1278" s="23">
        <v>45065</v>
      </c>
      <c r="S1278" s="85"/>
    </row>
    <row r="1279" spans="1:20" ht="14.4" customHeight="1" x14ac:dyDescent="0.2">
      <c r="A1279" s="42" t="s">
        <v>8740</v>
      </c>
      <c r="B1279" s="10" t="s">
        <v>5687</v>
      </c>
      <c r="C1279" s="16">
        <v>5</v>
      </c>
      <c r="D1279" s="16">
        <v>513</v>
      </c>
      <c r="E1279" s="16">
        <v>1505</v>
      </c>
      <c r="F1279" s="43" t="s">
        <v>5689</v>
      </c>
      <c r="G1279" s="26" t="s">
        <v>7409</v>
      </c>
      <c r="H1279" s="43" t="s">
        <v>46</v>
      </c>
      <c r="I1279" s="43" t="s">
        <v>5868</v>
      </c>
      <c r="J1279" s="19">
        <v>35.50883614</v>
      </c>
      <c r="K1279" s="19">
        <v>139.69298348000001</v>
      </c>
      <c r="L1279" s="43" t="s">
        <v>6027</v>
      </c>
      <c r="M1279" s="17" t="s">
        <v>6028</v>
      </c>
      <c r="N1279" s="16" t="s">
        <v>9226</v>
      </c>
      <c r="O1279" s="19">
        <v>2004</v>
      </c>
      <c r="P1279" s="19" t="s">
        <v>4103</v>
      </c>
      <c r="Q1279" s="41" t="s">
        <v>5853</v>
      </c>
      <c r="R1279" s="23">
        <v>45065</v>
      </c>
    </row>
    <row r="1280" spans="1:20" ht="14.4" customHeight="1" x14ac:dyDescent="0.2">
      <c r="A1280" s="42" t="s">
        <v>8741</v>
      </c>
      <c r="B1280" s="10" t="s">
        <v>5687</v>
      </c>
      <c r="C1280" s="16">
        <v>5</v>
      </c>
      <c r="D1280" s="16">
        <v>513</v>
      </c>
      <c r="E1280" s="16">
        <v>1505</v>
      </c>
      <c r="F1280" s="43" t="s">
        <v>5690</v>
      </c>
      <c r="G1280" s="26" t="s">
        <v>7410</v>
      </c>
      <c r="H1280" s="43" t="s">
        <v>75</v>
      </c>
      <c r="I1280" s="43" t="s">
        <v>5869</v>
      </c>
      <c r="J1280" s="19">
        <v>35.481005539999998</v>
      </c>
      <c r="K1280" s="19">
        <v>139.62963495</v>
      </c>
      <c r="L1280" s="43" t="s">
        <v>6029</v>
      </c>
      <c r="M1280" s="17" t="s">
        <v>6030</v>
      </c>
      <c r="N1280" s="16" t="s">
        <v>9227</v>
      </c>
      <c r="O1280" s="19">
        <v>1911</v>
      </c>
      <c r="P1280" s="19" t="s">
        <v>4103</v>
      </c>
      <c r="Q1280" s="49" t="s">
        <v>10656</v>
      </c>
      <c r="R1280" s="23">
        <v>45065</v>
      </c>
    </row>
    <row r="1281" spans="1:18" ht="14.4" customHeight="1" x14ac:dyDescent="0.2">
      <c r="A1281" s="42" t="s">
        <v>8742</v>
      </c>
      <c r="B1281" s="10" t="s">
        <v>5687</v>
      </c>
      <c r="C1281" s="16">
        <v>5</v>
      </c>
      <c r="D1281" s="16">
        <v>513</v>
      </c>
      <c r="E1281" s="16">
        <v>1505</v>
      </c>
      <c r="F1281" s="43" t="s">
        <v>5691</v>
      </c>
      <c r="G1281" s="26" t="s">
        <v>7411</v>
      </c>
      <c r="H1281" s="43" t="s">
        <v>75</v>
      </c>
      <c r="I1281" s="43" t="s">
        <v>5870</v>
      </c>
      <c r="J1281" s="19">
        <v>35.480978389999997</v>
      </c>
      <c r="K1281" s="19">
        <v>139.62889822</v>
      </c>
      <c r="L1281" s="43" t="s">
        <v>6031</v>
      </c>
      <c r="M1281" s="43" t="s">
        <v>6032</v>
      </c>
      <c r="N1281" s="16" t="s">
        <v>9228</v>
      </c>
      <c r="O1281" s="19">
        <v>1995</v>
      </c>
      <c r="P1281" s="19" t="s">
        <v>4103</v>
      </c>
      <c r="Q1281" s="41" t="s">
        <v>10667</v>
      </c>
      <c r="R1281" s="23">
        <v>45065</v>
      </c>
    </row>
    <row r="1282" spans="1:18" ht="14.4" customHeight="1" x14ac:dyDescent="0.2">
      <c r="A1282" s="42" t="s">
        <v>8743</v>
      </c>
      <c r="B1282" s="10" t="s">
        <v>5687</v>
      </c>
      <c r="C1282" s="16">
        <v>5</v>
      </c>
      <c r="D1282" s="16">
        <v>513</v>
      </c>
      <c r="E1282" s="16">
        <v>1505</v>
      </c>
      <c r="F1282" s="43" t="s">
        <v>5692</v>
      </c>
      <c r="G1282" s="26" t="s">
        <v>7412</v>
      </c>
      <c r="H1282" s="43" t="s">
        <v>5814</v>
      </c>
      <c r="I1282" s="43" t="s">
        <v>5871</v>
      </c>
      <c r="J1282" s="19">
        <v>35.472612939999998</v>
      </c>
      <c r="K1282" s="19">
        <v>139.61007423999999</v>
      </c>
      <c r="L1282" s="43" t="s">
        <v>6033</v>
      </c>
      <c r="M1282" s="43" t="s">
        <v>6034</v>
      </c>
      <c r="N1282" s="16" t="s">
        <v>9229</v>
      </c>
      <c r="O1282" s="19">
        <v>1914</v>
      </c>
      <c r="P1282" s="19" t="s">
        <v>4103</v>
      </c>
      <c r="Q1282" s="41" t="s">
        <v>5855</v>
      </c>
      <c r="R1282" s="23">
        <v>45065</v>
      </c>
    </row>
    <row r="1283" spans="1:18" ht="14.4" customHeight="1" x14ac:dyDescent="0.2">
      <c r="A1283" s="42" t="s">
        <v>8744</v>
      </c>
      <c r="B1283" s="10" t="s">
        <v>5687</v>
      </c>
      <c r="C1283" s="16">
        <v>5</v>
      </c>
      <c r="D1283" s="16">
        <v>513</v>
      </c>
      <c r="E1283" s="16">
        <v>1505</v>
      </c>
      <c r="F1283" s="43" t="s">
        <v>5693</v>
      </c>
      <c r="G1283" s="26" t="s">
        <v>7413</v>
      </c>
      <c r="H1283" s="43" t="s">
        <v>5815</v>
      </c>
      <c r="I1283" s="43" t="s">
        <v>5872</v>
      </c>
      <c r="J1283" s="19">
        <v>35.49037328</v>
      </c>
      <c r="K1283" s="19">
        <v>139.60053004</v>
      </c>
      <c r="L1283" s="43" t="s">
        <v>6035</v>
      </c>
      <c r="M1283" s="43" t="s">
        <v>6036</v>
      </c>
      <c r="N1283" s="16" t="s">
        <v>9230</v>
      </c>
      <c r="O1283" s="19">
        <v>1987</v>
      </c>
      <c r="P1283" s="19" t="s">
        <v>4103</v>
      </c>
      <c r="Q1283" s="41" t="s">
        <v>5852</v>
      </c>
      <c r="R1283" s="23">
        <v>45065</v>
      </c>
    </row>
    <row r="1284" spans="1:18" ht="14.4" customHeight="1" x14ac:dyDescent="0.2">
      <c r="A1284" s="42" t="s">
        <v>8745</v>
      </c>
      <c r="B1284" s="10" t="s">
        <v>5687</v>
      </c>
      <c r="C1284" s="16">
        <v>5</v>
      </c>
      <c r="D1284" s="16">
        <v>513</v>
      </c>
      <c r="E1284" s="16">
        <v>1505</v>
      </c>
      <c r="F1284" s="43" t="s">
        <v>5694</v>
      </c>
      <c r="G1284" s="26" t="s">
        <v>7414</v>
      </c>
      <c r="H1284" s="43" t="s">
        <v>1510</v>
      </c>
      <c r="I1284" s="43" t="s">
        <v>5873</v>
      </c>
      <c r="J1284" s="19">
        <v>35.461731049999997</v>
      </c>
      <c r="K1284" s="19">
        <v>139.61507745</v>
      </c>
      <c r="L1284" s="43" t="s">
        <v>6037</v>
      </c>
      <c r="M1284" s="43" t="s">
        <v>6038</v>
      </c>
      <c r="N1284" s="16" t="s">
        <v>9231</v>
      </c>
      <c r="O1284" s="19">
        <v>1900</v>
      </c>
      <c r="P1284" s="19" t="s">
        <v>4103</v>
      </c>
      <c r="Q1284" s="41" t="s">
        <v>5852</v>
      </c>
      <c r="R1284" s="23">
        <v>45065</v>
      </c>
    </row>
    <row r="1285" spans="1:18" ht="14.4" customHeight="1" x14ac:dyDescent="0.2">
      <c r="A1285" s="42" t="s">
        <v>8746</v>
      </c>
      <c r="B1285" s="10" t="s">
        <v>5687</v>
      </c>
      <c r="C1285" s="16">
        <v>5</v>
      </c>
      <c r="D1285" s="16">
        <v>513</v>
      </c>
      <c r="E1285" s="16">
        <v>1505</v>
      </c>
      <c r="F1285" s="43" t="s">
        <v>5695</v>
      </c>
      <c r="G1285" s="26" t="s">
        <v>7415</v>
      </c>
      <c r="H1285" s="43" t="s">
        <v>5816</v>
      </c>
      <c r="I1285" s="43" t="s">
        <v>10477</v>
      </c>
      <c r="J1285" s="19"/>
      <c r="K1285" s="19"/>
      <c r="L1285" s="43" t="s">
        <v>6039</v>
      </c>
      <c r="M1285" s="43" t="s">
        <v>6040</v>
      </c>
      <c r="N1285" s="16" t="s">
        <v>9232</v>
      </c>
      <c r="O1285" s="19">
        <v>1923</v>
      </c>
      <c r="P1285" s="19" t="s">
        <v>4103</v>
      </c>
      <c r="Q1285" s="41" t="s">
        <v>5852</v>
      </c>
      <c r="R1285" s="23">
        <v>45065</v>
      </c>
    </row>
    <row r="1286" spans="1:18" ht="14.4" customHeight="1" x14ac:dyDescent="0.2">
      <c r="A1286" s="42" t="s">
        <v>8747</v>
      </c>
      <c r="B1286" s="10" t="s">
        <v>5687</v>
      </c>
      <c r="C1286" s="16">
        <v>5</v>
      </c>
      <c r="D1286" s="16">
        <v>513</v>
      </c>
      <c r="E1286" s="16">
        <v>1505</v>
      </c>
      <c r="F1286" s="43" t="s">
        <v>5696</v>
      </c>
      <c r="G1286" s="26" t="s">
        <v>7416</v>
      </c>
      <c r="H1286" s="43" t="s">
        <v>128</v>
      </c>
      <c r="I1286" s="43" t="s">
        <v>5874</v>
      </c>
      <c r="J1286" s="19">
        <v>35.418503430000001</v>
      </c>
      <c r="K1286" s="19">
        <v>139.65427295000001</v>
      </c>
      <c r="L1286" s="43" t="s">
        <v>6041</v>
      </c>
      <c r="M1286" s="43" t="s">
        <v>9233</v>
      </c>
      <c r="N1286" s="16" t="s">
        <v>9234</v>
      </c>
      <c r="O1286" s="19">
        <v>1946</v>
      </c>
      <c r="P1286" s="19" t="s">
        <v>4103</v>
      </c>
      <c r="Q1286" s="41" t="s">
        <v>5852</v>
      </c>
      <c r="R1286" s="23">
        <v>45065</v>
      </c>
    </row>
    <row r="1287" spans="1:18" ht="14.4" customHeight="1" x14ac:dyDescent="0.2">
      <c r="A1287" s="42" t="s">
        <v>8748</v>
      </c>
      <c r="B1287" s="10" t="s">
        <v>5687</v>
      </c>
      <c r="C1287" s="16">
        <v>5</v>
      </c>
      <c r="D1287" s="16">
        <v>513</v>
      </c>
      <c r="E1287" s="16">
        <v>1505</v>
      </c>
      <c r="F1287" s="43" t="s">
        <v>5697</v>
      </c>
      <c r="G1287" s="26" t="s">
        <v>7417</v>
      </c>
      <c r="H1287" s="43" t="s">
        <v>5817</v>
      </c>
      <c r="I1287" s="43" t="s">
        <v>5875</v>
      </c>
      <c r="J1287" s="19">
        <v>35.437493179999997</v>
      </c>
      <c r="K1287" s="19">
        <v>139.60978485999999</v>
      </c>
      <c r="L1287" s="43" t="s">
        <v>6042</v>
      </c>
      <c r="M1287" s="43" t="s">
        <v>6043</v>
      </c>
      <c r="N1287" s="16" t="s">
        <v>10007</v>
      </c>
      <c r="O1287" s="19">
        <v>2017</v>
      </c>
      <c r="P1287" s="19" t="s">
        <v>4103</v>
      </c>
      <c r="Q1287" s="41" t="s">
        <v>9235</v>
      </c>
      <c r="R1287" s="23">
        <v>45065</v>
      </c>
    </row>
    <row r="1288" spans="1:18" ht="14.4" customHeight="1" x14ac:dyDescent="0.2">
      <c r="A1288" s="42" t="s">
        <v>8749</v>
      </c>
      <c r="B1288" s="10" t="s">
        <v>5687</v>
      </c>
      <c r="C1288" s="16">
        <v>5</v>
      </c>
      <c r="D1288" s="16">
        <v>513</v>
      </c>
      <c r="E1288" s="16">
        <v>1505</v>
      </c>
      <c r="F1288" s="43" t="s">
        <v>5698</v>
      </c>
      <c r="G1288" s="26" t="s">
        <v>7418</v>
      </c>
      <c r="H1288" s="43" t="s">
        <v>154</v>
      </c>
      <c r="I1288" s="43" t="s">
        <v>10112</v>
      </c>
      <c r="J1288" s="19">
        <v>35.427180110000002</v>
      </c>
      <c r="K1288" s="19">
        <v>139.58584519999999</v>
      </c>
      <c r="L1288" s="43" t="s">
        <v>6044</v>
      </c>
      <c r="M1288" s="43" t="s">
        <v>6045</v>
      </c>
      <c r="N1288" s="16" t="s">
        <v>9236</v>
      </c>
      <c r="O1288" s="19">
        <v>2008</v>
      </c>
      <c r="P1288" s="19" t="s">
        <v>4103</v>
      </c>
      <c r="Q1288" s="41" t="s">
        <v>10126</v>
      </c>
      <c r="R1288" s="23">
        <v>45065</v>
      </c>
    </row>
    <row r="1289" spans="1:18" ht="14.4" customHeight="1" x14ac:dyDescent="0.2">
      <c r="A1289" s="42" t="s">
        <v>8750</v>
      </c>
      <c r="B1289" s="10" t="s">
        <v>5687</v>
      </c>
      <c r="C1289" s="16">
        <v>5</v>
      </c>
      <c r="D1289" s="16">
        <v>513</v>
      </c>
      <c r="E1289" s="16">
        <v>1505</v>
      </c>
      <c r="F1289" s="43" t="s">
        <v>5699</v>
      </c>
      <c r="G1289" s="26" t="s">
        <v>7419</v>
      </c>
      <c r="H1289" s="43" t="s">
        <v>5818</v>
      </c>
      <c r="I1289" s="43" t="s">
        <v>5876</v>
      </c>
      <c r="J1289" s="19">
        <v>35.385941240000001</v>
      </c>
      <c r="K1289" s="19">
        <v>139.58567865000001</v>
      </c>
      <c r="L1289" s="43" t="s">
        <v>6046</v>
      </c>
      <c r="M1289" s="43" t="s">
        <v>6047</v>
      </c>
      <c r="N1289" s="16" t="s">
        <v>9237</v>
      </c>
      <c r="O1289" s="19">
        <v>2002</v>
      </c>
      <c r="P1289" s="19" t="s">
        <v>4103</v>
      </c>
      <c r="Q1289" s="41" t="s">
        <v>5852</v>
      </c>
      <c r="R1289" s="23">
        <v>45065</v>
      </c>
    </row>
    <row r="1290" spans="1:18" ht="14.4" customHeight="1" x14ac:dyDescent="0.2">
      <c r="A1290" s="42" t="s">
        <v>8751</v>
      </c>
      <c r="B1290" s="10" t="s">
        <v>5687</v>
      </c>
      <c r="C1290" s="16">
        <v>5</v>
      </c>
      <c r="D1290" s="16">
        <v>513</v>
      </c>
      <c r="E1290" s="16">
        <v>1505</v>
      </c>
      <c r="F1290" s="43" t="s">
        <v>5700</v>
      </c>
      <c r="G1290" s="26" t="s">
        <v>7420</v>
      </c>
      <c r="H1290" s="43" t="s">
        <v>184</v>
      </c>
      <c r="I1290" s="43" t="s">
        <v>5877</v>
      </c>
      <c r="J1290" s="19">
        <v>35.37097515</v>
      </c>
      <c r="K1290" s="19">
        <v>139.57374014999999</v>
      </c>
      <c r="L1290" s="43" t="s">
        <v>6048</v>
      </c>
      <c r="M1290" s="43" t="s">
        <v>6049</v>
      </c>
      <c r="N1290" s="16" t="s">
        <v>9238</v>
      </c>
      <c r="O1290" s="19">
        <v>2014</v>
      </c>
      <c r="P1290" s="19" t="s">
        <v>4103</v>
      </c>
      <c r="Q1290" s="41" t="s">
        <v>5856</v>
      </c>
      <c r="R1290" s="23">
        <v>45065</v>
      </c>
    </row>
    <row r="1291" spans="1:18" ht="14.4" customHeight="1" x14ac:dyDescent="0.2">
      <c r="A1291" s="42" t="s">
        <v>8752</v>
      </c>
      <c r="B1291" s="10" t="s">
        <v>5687</v>
      </c>
      <c r="C1291" s="16">
        <v>5</v>
      </c>
      <c r="D1291" s="16">
        <v>513</v>
      </c>
      <c r="E1291" s="16">
        <v>1505</v>
      </c>
      <c r="F1291" s="43" t="s">
        <v>5701</v>
      </c>
      <c r="G1291" s="26" t="s">
        <v>7421</v>
      </c>
      <c r="H1291" s="43" t="s">
        <v>191</v>
      </c>
      <c r="I1291" s="43" t="s">
        <v>5878</v>
      </c>
      <c r="J1291" s="19">
        <v>35.41324771</v>
      </c>
      <c r="K1291" s="19">
        <v>139.56405939000001</v>
      </c>
      <c r="L1291" s="43" t="s">
        <v>6050</v>
      </c>
      <c r="M1291" s="43" t="s">
        <v>6051</v>
      </c>
      <c r="N1291" s="16" t="s">
        <v>9239</v>
      </c>
      <c r="O1291" s="19">
        <v>1986</v>
      </c>
      <c r="P1291" s="19" t="s">
        <v>4103</v>
      </c>
      <c r="Q1291" s="41" t="s">
        <v>5852</v>
      </c>
      <c r="R1291" s="23">
        <v>45065</v>
      </c>
    </row>
    <row r="1292" spans="1:18" ht="14.4" customHeight="1" x14ac:dyDescent="0.2">
      <c r="A1292" s="42" t="s">
        <v>8753</v>
      </c>
      <c r="B1292" s="10" t="s">
        <v>5687</v>
      </c>
      <c r="C1292" s="16">
        <v>5</v>
      </c>
      <c r="D1292" s="16">
        <v>513</v>
      </c>
      <c r="E1292" s="16">
        <v>1505</v>
      </c>
      <c r="F1292" s="43" t="s">
        <v>5702</v>
      </c>
      <c r="G1292" s="26" t="s">
        <v>7422</v>
      </c>
      <c r="H1292" s="43" t="s">
        <v>233</v>
      </c>
      <c r="I1292" s="43" t="s">
        <v>10127</v>
      </c>
      <c r="J1292" s="19">
        <v>35.443291279999997</v>
      </c>
      <c r="K1292" s="19">
        <v>139.57447511999999</v>
      </c>
      <c r="L1292" s="43" t="s">
        <v>6052</v>
      </c>
      <c r="M1292" s="43" t="s">
        <v>6053</v>
      </c>
      <c r="N1292" s="16" t="s">
        <v>9240</v>
      </c>
      <c r="O1292" s="19">
        <v>1966</v>
      </c>
      <c r="P1292" s="19" t="s">
        <v>4103</v>
      </c>
      <c r="Q1292" s="41" t="s">
        <v>5852</v>
      </c>
      <c r="R1292" s="23">
        <v>45065</v>
      </c>
    </row>
    <row r="1293" spans="1:18" ht="14.4" customHeight="1" x14ac:dyDescent="0.2">
      <c r="A1293" s="42" t="s">
        <v>8754</v>
      </c>
      <c r="B1293" s="10" t="s">
        <v>5687</v>
      </c>
      <c r="C1293" s="16">
        <v>5</v>
      </c>
      <c r="D1293" s="16">
        <v>513</v>
      </c>
      <c r="E1293" s="16">
        <v>1505</v>
      </c>
      <c r="F1293" s="43" t="s">
        <v>5703</v>
      </c>
      <c r="G1293" s="26" t="s">
        <v>7423</v>
      </c>
      <c r="H1293" s="43" t="s">
        <v>205</v>
      </c>
      <c r="I1293" s="43" t="s">
        <v>10128</v>
      </c>
      <c r="J1293" s="19">
        <v>35.451126219999999</v>
      </c>
      <c r="K1293" s="19">
        <v>139.55366057000001</v>
      </c>
      <c r="L1293" s="43" t="s">
        <v>6054</v>
      </c>
      <c r="M1293" s="43" t="s">
        <v>6055</v>
      </c>
      <c r="N1293" s="16" t="s">
        <v>10008</v>
      </c>
      <c r="O1293" s="19">
        <v>1920</v>
      </c>
      <c r="P1293" s="19" t="s">
        <v>4103</v>
      </c>
      <c r="Q1293" s="41" t="s">
        <v>5857</v>
      </c>
      <c r="R1293" s="23">
        <v>45065</v>
      </c>
    </row>
    <row r="1294" spans="1:18" ht="14.4" customHeight="1" x14ac:dyDescent="0.2">
      <c r="A1294" s="42" t="s">
        <v>8755</v>
      </c>
      <c r="B1294" s="10" t="s">
        <v>5687</v>
      </c>
      <c r="C1294" s="16">
        <v>5</v>
      </c>
      <c r="D1294" s="16">
        <v>513</v>
      </c>
      <c r="E1294" s="16">
        <v>1505</v>
      </c>
      <c r="F1294" s="43" t="s">
        <v>5704</v>
      </c>
      <c r="G1294" s="26" t="s">
        <v>7424</v>
      </c>
      <c r="H1294" s="43" t="s">
        <v>203</v>
      </c>
      <c r="I1294" s="43" t="s">
        <v>9241</v>
      </c>
      <c r="J1294" s="19">
        <v>35.466182279999998</v>
      </c>
      <c r="K1294" s="19">
        <v>139.56274231</v>
      </c>
      <c r="L1294" s="43" t="s">
        <v>6056</v>
      </c>
      <c r="M1294" s="43" t="s">
        <v>6057</v>
      </c>
      <c r="N1294" s="16" t="s">
        <v>10009</v>
      </c>
      <c r="O1294" s="19">
        <v>1979</v>
      </c>
      <c r="P1294" s="19" t="s">
        <v>4103</v>
      </c>
      <c r="Q1294" s="41" t="s">
        <v>5852</v>
      </c>
      <c r="R1294" s="23">
        <v>45065</v>
      </c>
    </row>
    <row r="1295" spans="1:18" ht="14.4" customHeight="1" x14ac:dyDescent="0.2">
      <c r="A1295" s="42" t="s">
        <v>8756</v>
      </c>
      <c r="B1295" s="10" t="s">
        <v>5687</v>
      </c>
      <c r="C1295" s="16">
        <v>5</v>
      </c>
      <c r="D1295" s="16">
        <v>513</v>
      </c>
      <c r="E1295" s="16">
        <v>1505</v>
      </c>
      <c r="F1295" s="43" t="s">
        <v>10129</v>
      </c>
      <c r="G1295" s="26" t="s">
        <v>7425</v>
      </c>
      <c r="H1295" s="43" t="s">
        <v>1564</v>
      </c>
      <c r="I1295" s="43" t="s">
        <v>5879</v>
      </c>
      <c r="J1295" s="19">
        <v>35.455960709999999</v>
      </c>
      <c r="K1295" s="19">
        <v>139.51137446000001</v>
      </c>
      <c r="L1295" s="43" t="s">
        <v>6058</v>
      </c>
      <c r="M1295" s="43" t="s">
        <v>6059</v>
      </c>
      <c r="N1295" s="16" t="s">
        <v>9242</v>
      </c>
      <c r="O1295" s="19">
        <v>1897</v>
      </c>
      <c r="P1295" s="19" t="s">
        <v>4103</v>
      </c>
      <c r="Q1295" s="41" t="s">
        <v>5855</v>
      </c>
      <c r="R1295" s="23">
        <v>45065</v>
      </c>
    </row>
    <row r="1296" spans="1:18" ht="14.4" customHeight="1" x14ac:dyDescent="0.2">
      <c r="A1296" s="42" t="s">
        <v>8757</v>
      </c>
      <c r="B1296" s="10" t="s">
        <v>5687</v>
      </c>
      <c r="C1296" s="16">
        <v>5</v>
      </c>
      <c r="D1296" s="16">
        <v>513</v>
      </c>
      <c r="E1296" s="16">
        <v>1505</v>
      </c>
      <c r="F1296" s="43" t="s">
        <v>5705</v>
      </c>
      <c r="G1296" s="26" t="s">
        <v>7426</v>
      </c>
      <c r="H1296" s="43" t="s">
        <v>273</v>
      </c>
      <c r="I1296" s="43" t="s">
        <v>5880</v>
      </c>
      <c r="J1296" s="19">
        <v>35.467560890000001</v>
      </c>
      <c r="K1296" s="19">
        <v>139.52197430999999</v>
      </c>
      <c r="L1296" s="43" t="s">
        <v>6060</v>
      </c>
      <c r="M1296" s="43" t="s">
        <v>6061</v>
      </c>
      <c r="N1296" s="16" t="s">
        <v>10010</v>
      </c>
      <c r="O1296" s="19">
        <v>1964</v>
      </c>
      <c r="P1296" s="19" t="s">
        <v>4103</v>
      </c>
      <c r="Q1296" s="41" t="s">
        <v>5858</v>
      </c>
      <c r="R1296" s="23">
        <v>45065</v>
      </c>
    </row>
    <row r="1297" spans="1:18" ht="14.4" customHeight="1" x14ac:dyDescent="0.2">
      <c r="A1297" s="42" t="s">
        <v>8758</v>
      </c>
      <c r="B1297" s="10" t="s">
        <v>5687</v>
      </c>
      <c r="C1297" s="16">
        <v>5</v>
      </c>
      <c r="D1297" s="16">
        <v>513</v>
      </c>
      <c r="E1297" s="16">
        <v>1505</v>
      </c>
      <c r="F1297" s="43" t="s">
        <v>5706</v>
      </c>
      <c r="G1297" s="26" t="s">
        <v>7427</v>
      </c>
      <c r="H1297" s="43" t="s">
        <v>5819</v>
      </c>
      <c r="I1297" s="43" t="s">
        <v>10471</v>
      </c>
      <c r="J1297" s="19"/>
      <c r="K1297" s="19"/>
      <c r="L1297" s="43" t="s">
        <v>6062</v>
      </c>
      <c r="M1297" s="43" t="s">
        <v>6063</v>
      </c>
      <c r="N1297" s="16" t="s">
        <v>10011</v>
      </c>
      <c r="O1297" s="19">
        <v>1973</v>
      </c>
      <c r="P1297" s="19" t="s">
        <v>4103</v>
      </c>
      <c r="Q1297" s="41" t="s">
        <v>5852</v>
      </c>
      <c r="R1297" s="23">
        <v>45065</v>
      </c>
    </row>
    <row r="1298" spans="1:18" ht="14.4" customHeight="1" x14ac:dyDescent="0.2">
      <c r="A1298" s="42" t="s">
        <v>8759</v>
      </c>
      <c r="B1298" s="10" t="s">
        <v>5687</v>
      </c>
      <c r="C1298" s="16">
        <v>5</v>
      </c>
      <c r="D1298" s="16">
        <v>513</v>
      </c>
      <c r="E1298" s="16">
        <v>1505</v>
      </c>
      <c r="F1298" s="43" t="s">
        <v>5707</v>
      </c>
      <c r="G1298" s="26" t="s">
        <v>7428</v>
      </c>
      <c r="H1298" s="43" t="s">
        <v>263</v>
      </c>
      <c r="I1298" s="43" t="s">
        <v>5881</v>
      </c>
      <c r="J1298" s="19">
        <v>35.491206730000002</v>
      </c>
      <c r="K1298" s="19">
        <v>139.52684915</v>
      </c>
      <c r="L1298" s="43" t="s">
        <v>6064</v>
      </c>
      <c r="M1298" s="43" t="s">
        <v>6065</v>
      </c>
      <c r="N1298" s="16" t="s">
        <v>9243</v>
      </c>
      <c r="O1298" s="19">
        <v>2004</v>
      </c>
      <c r="P1298" s="19" t="s">
        <v>4103</v>
      </c>
      <c r="Q1298" s="41" t="s">
        <v>5854</v>
      </c>
      <c r="R1298" s="23">
        <v>45065</v>
      </c>
    </row>
    <row r="1299" spans="1:18" ht="14.4" customHeight="1" x14ac:dyDescent="0.2">
      <c r="A1299" s="42" t="s">
        <v>8760</v>
      </c>
      <c r="B1299" s="10" t="s">
        <v>5687</v>
      </c>
      <c r="C1299" s="16">
        <v>5</v>
      </c>
      <c r="D1299" s="16">
        <v>513</v>
      </c>
      <c r="E1299" s="16">
        <v>1505</v>
      </c>
      <c r="F1299" s="43" t="s">
        <v>5708</v>
      </c>
      <c r="G1299" s="26" t="s">
        <v>7429</v>
      </c>
      <c r="H1299" s="43" t="s">
        <v>292</v>
      </c>
      <c r="I1299" s="43" t="s">
        <v>5882</v>
      </c>
      <c r="J1299" s="19">
        <v>35.390885840000003</v>
      </c>
      <c r="K1299" s="19">
        <v>139.60436177</v>
      </c>
      <c r="L1299" s="43" t="s">
        <v>6066</v>
      </c>
      <c r="M1299" s="43" t="s">
        <v>6067</v>
      </c>
      <c r="N1299" s="16" t="s">
        <v>9244</v>
      </c>
      <c r="O1299" s="19">
        <v>1961</v>
      </c>
      <c r="P1299" s="19" t="s">
        <v>4103</v>
      </c>
      <c r="Q1299" s="49" t="s">
        <v>10657</v>
      </c>
      <c r="R1299" s="23">
        <v>45065</v>
      </c>
    </row>
    <row r="1300" spans="1:18" ht="14.4" customHeight="1" x14ac:dyDescent="0.2">
      <c r="A1300" s="42" t="s">
        <v>8761</v>
      </c>
      <c r="B1300" s="10" t="s">
        <v>5687</v>
      </c>
      <c r="C1300" s="16">
        <v>5</v>
      </c>
      <c r="D1300" s="16">
        <v>513</v>
      </c>
      <c r="E1300" s="16">
        <v>1505</v>
      </c>
      <c r="F1300" s="43" t="s">
        <v>9245</v>
      </c>
      <c r="G1300" s="26" t="s">
        <v>9246</v>
      </c>
      <c r="H1300" s="43" t="s">
        <v>5820</v>
      </c>
      <c r="I1300" s="43" t="s">
        <v>5883</v>
      </c>
      <c r="J1300" s="19">
        <v>35.363219870000002</v>
      </c>
      <c r="K1300" s="19">
        <v>139.61183622999999</v>
      </c>
      <c r="L1300" s="43" t="s">
        <v>6068</v>
      </c>
      <c r="M1300" s="43" t="s">
        <v>6069</v>
      </c>
      <c r="N1300" s="16" t="s">
        <v>9247</v>
      </c>
      <c r="O1300" s="19">
        <v>2019</v>
      </c>
      <c r="P1300" s="19" t="s">
        <v>4103</v>
      </c>
      <c r="Q1300" s="41" t="s">
        <v>10668</v>
      </c>
      <c r="R1300" s="23">
        <v>45065</v>
      </c>
    </row>
    <row r="1301" spans="1:18" ht="14.4" customHeight="1" x14ac:dyDescent="0.2">
      <c r="A1301" s="42" t="s">
        <v>8762</v>
      </c>
      <c r="B1301" s="10" t="s">
        <v>5687</v>
      </c>
      <c r="C1301" s="16">
        <v>5</v>
      </c>
      <c r="D1301" s="16">
        <v>513</v>
      </c>
      <c r="E1301" s="16">
        <v>1505</v>
      </c>
      <c r="F1301" s="43" t="s">
        <v>5709</v>
      </c>
      <c r="G1301" s="26" t="s">
        <v>7430</v>
      </c>
      <c r="H1301" s="43" t="s">
        <v>5821</v>
      </c>
      <c r="I1301" s="43" t="s">
        <v>5884</v>
      </c>
      <c r="J1301" s="19">
        <v>35.366729210000003</v>
      </c>
      <c r="K1301" s="19">
        <v>139.63492334</v>
      </c>
      <c r="L1301" s="43" t="s">
        <v>6070</v>
      </c>
      <c r="M1301" s="43" t="s">
        <v>6071</v>
      </c>
      <c r="N1301" s="16" t="s">
        <v>9248</v>
      </c>
      <c r="O1301" s="19">
        <v>2004</v>
      </c>
      <c r="P1301" s="19" t="s">
        <v>4103</v>
      </c>
      <c r="Q1301" s="41" t="s">
        <v>5853</v>
      </c>
      <c r="R1301" s="23">
        <v>45065</v>
      </c>
    </row>
    <row r="1302" spans="1:18" ht="14.4" customHeight="1" x14ac:dyDescent="0.2">
      <c r="A1302" s="42" t="s">
        <v>8763</v>
      </c>
      <c r="B1302" s="10" t="s">
        <v>5687</v>
      </c>
      <c r="C1302" s="16">
        <v>5</v>
      </c>
      <c r="D1302" s="16">
        <v>513</v>
      </c>
      <c r="E1302" s="16">
        <v>1505</v>
      </c>
      <c r="F1302" s="43" t="s">
        <v>5710</v>
      </c>
      <c r="G1302" s="26" t="s">
        <v>7431</v>
      </c>
      <c r="H1302" s="43" t="s">
        <v>313</v>
      </c>
      <c r="I1302" s="43" t="s">
        <v>5885</v>
      </c>
      <c r="J1302" s="19">
        <v>35.351672690000001</v>
      </c>
      <c r="K1302" s="19">
        <v>139.60851016999999</v>
      </c>
      <c r="L1302" s="43" t="s">
        <v>6072</v>
      </c>
      <c r="M1302" s="43" t="s">
        <v>6073</v>
      </c>
      <c r="N1302" s="16" t="s">
        <v>9249</v>
      </c>
      <c r="O1302" s="19">
        <v>1984</v>
      </c>
      <c r="P1302" s="19" t="s">
        <v>4103</v>
      </c>
      <c r="Q1302" s="41" t="s">
        <v>5852</v>
      </c>
      <c r="R1302" s="23">
        <v>45065</v>
      </c>
    </row>
    <row r="1303" spans="1:18" ht="14.4" customHeight="1" x14ac:dyDescent="0.2">
      <c r="A1303" s="42" t="s">
        <v>8764</v>
      </c>
      <c r="B1303" s="10" t="s">
        <v>5687</v>
      </c>
      <c r="C1303" s="16">
        <v>5</v>
      </c>
      <c r="D1303" s="16">
        <v>513</v>
      </c>
      <c r="E1303" s="16">
        <v>1505</v>
      </c>
      <c r="F1303" s="43" t="s">
        <v>5711</v>
      </c>
      <c r="G1303" s="26" t="s">
        <v>7432</v>
      </c>
      <c r="H1303" s="43" t="s">
        <v>350</v>
      </c>
      <c r="I1303" s="43" t="s">
        <v>5886</v>
      </c>
      <c r="J1303" s="19">
        <v>35.52442482</v>
      </c>
      <c r="K1303" s="19">
        <v>139.61752485</v>
      </c>
      <c r="L1303" s="43" t="s">
        <v>6074</v>
      </c>
      <c r="M1303" s="43" t="s">
        <v>6075</v>
      </c>
      <c r="N1303" s="16" t="s">
        <v>9250</v>
      </c>
      <c r="O1303" s="19">
        <v>1969</v>
      </c>
      <c r="P1303" s="19" t="s">
        <v>4103</v>
      </c>
      <c r="Q1303" s="41" t="s">
        <v>5852</v>
      </c>
      <c r="R1303" s="23">
        <v>45065</v>
      </c>
    </row>
    <row r="1304" spans="1:18" ht="14.4" customHeight="1" x14ac:dyDescent="0.2">
      <c r="A1304" s="42" t="s">
        <v>8765</v>
      </c>
      <c r="B1304" s="10" t="s">
        <v>5687</v>
      </c>
      <c r="C1304" s="16">
        <v>5</v>
      </c>
      <c r="D1304" s="16">
        <v>513</v>
      </c>
      <c r="E1304" s="16">
        <v>1505</v>
      </c>
      <c r="F1304" s="43" t="s">
        <v>5712</v>
      </c>
      <c r="G1304" s="26" t="s">
        <v>7433</v>
      </c>
      <c r="H1304" s="43" t="s">
        <v>380</v>
      </c>
      <c r="I1304" s="43" t="s">
        <v>5887</v>
      </c>
      <c r="J1304" s="19">
        <v>35.520461179999998</v>
      </c>
      <c r="K1304" s="19">
        <v>139.60516175000001</v>
      </c>
      <c r="L1304" s="43" t="s">
        <v>6076</v>
      </c>
      <c r="M1304" s="43" t="s">
        <v>6077</v>
      </c>
      <c r="N1304" s="16" t="s">
        <v>9251</v>
      </c>
      <c r="O1304" s="19">
        <v>1977</v>
      </c>
      <c r="P1304" s="19" t="s">
        <v>4103</v>
      </c>
      <c r="Q1304" s="41" t="s">
        <v>5852</v>
      </c>
      <c r="R1304" s="23">
        <v>45065</v>
      </c>
    </row>
    <row r="1305" spans="1:18" ht="14.4" customHeight="1" x14ac:dyDescent="0.2">
      <c r="A1305" s="42" t="s">
        <v>8766</v>
      </c>
      <c r="B1305" s="10" t="s">
        <v>5687</v>
      </c>
      <c r="C1305" s="16">
        <v>5</v>
      </c>
      <c r="D1305" s="16">
        <v>513</v>
      </c>
      <c r="E1305" s="16">
        <v>1505</v>
      </c>
      <c r="F1305" s="43" t="s">
        <v>5713</v>
      </c>
      <c r="G1305" s="26" t="s">
        <v>7434</v>
      </c>
      <c r="H1305" s="43" t="s">
        <v>5822</v>
      </c>
      <c r="I1305" s="43" t="s">
        <v>5888</v>
      </c>
      <c r="J1305" s="19">
        <v>35.500793459999997</v>
      </c>
      <c r="K1305" s="19">
        <v>139.61334213999999</v>
      </c>
      <c r="L1305" s="43" t="s">
        <v>6078</v>
      </c>
      <c r="M1305" s="43" t="s">
        <v>6079</v>
      </c>
      <c r="N1305" s="16" t="s">
        <v>9252</v>
      </c>
      <c r="O1305" s="19">
        <v>1983</v>
      </c>
      <c r="P1305" s="19" t="s">
        <v>4103</v>
      </c>
      <c r="Q1305" s="41" t="s">
        <v>5852</v>
      </c>
      <c r="R1305" s="23">
        <v>45065</v>
      </c>
    </row>
    <row r="1306" spans="1:18" ht="14.4" customHeight="1" x14ac:dyDescent="0.2">
      <c r="A1306" s="42" t="s">
        <v>8767</v>
      </c>
      <c r="B1306" s="10" t="s">
        <v>5687</v>
      </c>
      <c r="C1306" s="16">
        <v>5</v>
      </c>
      <c r="D1306" s="16">
        <v>513</v>
      </c>
      <c r="E1306" s="16">
        <v>1505</v>
      </c>
      <c r="F1306" s="43" t="s">
        <v>5714</v>
      </c>
      <c r="G1306" s="26" t="s">
        <v>7435</v>
      </c>
      <c r="H1306" s="43" t="s">
        <v>5823</v>
      </c>
      <c r="I1306" s="43" t="s">
        <v>5889</v>
      </c>
      <c r="J1306" s="19">
        <v>35.5097272</v>
      </c>
      <c r="K1306" s="19">
        <v>139.50155115999999</v>
      </c>
      <c r="L1306" s="43" t="s">
        <v>6080</v>
      </c>
      <c r="M1306" s="43" t="s">
        <v>6081</v>
      </c>
      <c r="N1306" s="16" t="s">
        <v>9253</v>
      </c>
      <c r="O1306" s="19">
        <v>1975</v>
      </c>
      <c r="P1306" s="19" t="s">
        <v>4103</v>
      </c>
      <c r="Q1306" s="41" t="s">
        <v>5852</v>
      </c>
      <c r="R1306" s="23">
        <v>45065</v>
      </c>
    </row>
    <row r="1307" spans="1:18" ht="14.4" customHeight="1" x14ac:dyDescent="0.2">
      <c r="A1307" s="42" t="s">
        <v>8768</v>
      </c>
      <c r="B1307" s="10" t="s">
        <v>5687</v>
      </c>
      <c r="C1307" s="16">
        <v>5</v>
      </c>
      <c r="D1307" s="16">
        <v>513</v>
      </c>
      <c r="E1307" s="16">
        <v>1505</v>
      </c>
      <c r="F1307" s="43" t="s">
        <v>5715</v>
      </c>
      <c r="G1307" s="26" t="s">
        <v>7436</v>
      </c>
      <c r="H1307" s="43" t="s">
        <v>5824</v>
      </c>
      <c r="I1307" s="43" t="s">
        <v>5890</v>
      </c>
      <c r="J1307" s="19">
        <v>35.498651219999999</v>
      </c>
      <c r="K1307" s="19">
        <v>139.55142368</v>
      </c>
      <c r="L1307" s="43" t="s">
        <v>6082</v>
      </c>
      <c r="M1307" s="43" t="s">
        <v>6083</v>
      </c>
      <c r="N1307" s="16" t="s">
        <v>9254</v>
      </c>
      <c r="O1307" s="19">
        <v>1976</v>
      </c>
      <c r="P1307" s="19" t="s">
        <v>4103</v>
      </c>
      <c r="Q1307" s="41" t="s">
        <v>5859</v>
      </c>
      <c r="R1307" s="23">
        <v>45065</v>
      </c>
    </row>
    <row r="1308" spans="1:18" ht="14.4" customHeight="1" x14ac:dyDescent="0.2">
      <c r="A1308" s="42" t="s">
        <v>8769</v>
      </c>
      <c r="B1308" s="10" t="s">
        <v>5687</v>
      </c>
      <c r="C1308" s="16">
        <v>5</v>
      </c>
      <c r="D1308" s="16">
        <v>513</v>
      </c>
      <c r="E1308" s="16">
        <v>1505</v>
      </c>
      <c r="F1308" s="43" t="s">
        <v>5716</v>
      </c>
      <c r="G1308" s="26" t="s">
        <v>7437</v>
      </c>
      <c r="H1308" s="43" t="s">
        <v>440</v>
      </c>
      <c r="I1308" s="43" t="s">
        <v>10130</v>
      </c>
      <c r="J1308" s="19">
        <v>35.55704471</v>
      </c>
      <c r="K1308" s="19">
        <v>139.53069930999999</v>
      </c>
      <c r="L1308" s="43" t="s">
        <v>6084</v>
      </c>
      <c r="M1308" s="43" t="s">
        <v>6085</v>
      </c>
      <c r="N1308" s="16" t="s">
        <v>9255</v>
      </c>
      <c r="O1308" s="19">
        <v>1974</v>
      </c>
      <c r="P1308" s="19" t="s">
        <v>4103</v>
      </c>
      <c r="Q1308" s="41" t="s">
        <v>5852</v>
      </c>
      <c r="R1308" s="23">
        <v>45065</v>
      </c>
    </row>
    <row r="1309" spans="1:18" ht="14.4" customHeight="1" x14ac:dyDescent="0.2">
      <c r="A1309" s="42" t="s">
        <v>8770</v>
      </c>
      <c r="B1309" s="10" t="s">
        <v>5687</v>
      </c>
      <c r="C1309" s="16">
        <v>5</v>
      </c>
      <c r="D1309" s="16">
        <v>513</v>
      </c>
      <c r="E1309" s="16">
        <v>1505</v>
      </c>
      <c r="F1309" s="43" t="s">
        <v>5717</v>
      </c>
      <c r="G1309" s="26" t="s">
        <v>7438</v>
      </c>
      <c r="H1309" s="43" t="s">
        <v>452</v>
      </c>
      <c r="I1309" s="43" t="s">
        <v>5891</v>
      </c>
      <c r="J1309" s="19">
        <v>35.55278543</v>
      </c>
      <c r="K1309" s="19">
        <v>139.49806225</v>
      </c>
      <c r="L1309" s="43" t="s">
        <v>6086</v>
      </c>
      <c r="M1309" s="43" t="s">
        <v>6087</v>
      </c>
      <c r="N1309" s="16" t="s">
        <v>10012</v>
      </c>
      <c r="O1309" s="19">
        <v>1978</v>
      </c>
      <c r="P1309" s="19" t="s">
        <v>4103</v>
      </c>
      <c r="Q1309" s="41" t="s">
        <v>5852</v>
      </c>
      <c r="R1309" s="23">
        <v>45065</v>
      </c>
    </row>
    <row r="1310" spans="1:18" ht="14.4" customHeight="1" x14ac:dyDescent="0.2">
      <c r="A1310" s="42" t="s">
        <v>8771</v>
      </c>
      <c r="B1310" s="10" t="s">
        <v>5687</v>
      </c>
      <c r="C1310" s="16">
        <v>5</v>
      </c>
      <c r="D1310" s="16">
        <v>513</v>
      </c>
      <c r="E1310" s="16">
        <v>1505</v>
      </c>
      <c r="F1310" s="43" t="s">
        <v>5718</v>
      </c>
      <c r="G1310" s="26" t="s">
        <v>7439</v>
      </c>
      <c r="H1310" s="43" t="s">
        <v>5825</v>
      </c>
      <c r="I1310" s="43" t="s">
        <v>5892</v>
      </c>
      <c r="J1310" s="19">
        <v>35.578077759999999</v>
      </c>
      <c r="K1310" s="19">
        <v>139.54019746</v>
      </c>
      <c r="L1310" s="43" t="s">
        <v>6088</v>
      </c>
      <c r="M1310" s="43" t="s">
        <v>6089</v>
      </c>
      <c r="N1310" s="16" t="s">
        <v>9256</v>
      </c>
      <c r="O1310" s="19">
        <v>1984</v>
      </c>
      <c r="P1310" s="19" t="s">
        <v>4103</v>
      </c>
      <c r="Q1310" s="41" t="s">
        <v>5852</v>
      </c>
      <c r="R1310" s="23">
        <v>45065</v>
      </c>
    </row>
    <row r="1311" spans="1:18" ht="14.4" customHeight="1" x14ac:dyDescent="0.2">
      <c r="A1311" s="42" t="s">
        <v>8772</v>
      </c>
      <c r="B1311" s="10" t="s">
        <v>5687</v>
      </c>
      <c r="C1311" s="16">
        <v>5</v>
      </c>
      <c r="D1311" s="16">
        <v>513</v>
      </c>
      <c r="E1311" s="16">
        <v>1505</v>
      </c>
      <c r="F1311" s="43" t="s">
        <v>5719</v>
      </c>
      <c r="G1311" s="26" t="s">
        <v>7440</v>
      </c>
      <c r="H1311" s="43" t="s">
        <v>470</v>
      </c>
      <c r="I1311" s="43" t="s">
        <v>5893</v>
      </c>
      <c r="J1311" s="19">
        <v>35.5375759</v>
      </c>
      <c r="K1311" s="19">
        <v>139.55250383000001</v>
      </c>
      <c r="L1311" s="43" t="s">
        <v>6090</v>
      </c>
      <c r="M1311" s="43" t="s">
        <v>6091</v>
      </c>
      <c r="N1311" s="16" t="s">
        <v>9257</v>
      </c>
      <c r="O1311" s="19">
        <v>1962</v>
      </c>
      <c r="P1311" s="19" t="s">
        <v>4103</v>
      </c>
      <c r="Q1311" s="41" t="s">
        <v>5852</v>
      </c>
      <c r="R1311" s="23">
        <v>45065</v>
      </c>
    </row>
    <row r="1312" spans="1:18" ht="14.4" customHeight="1" x14ac:dyDescent="0.2">
      <c r="A1312" s="42" t="s">
        <v>8773</v>
      </c>
      <c r="B1312" s="10" t="s">
        <v>5687</v>
      </c>
      <c r="C1312" s="16">
        <v>5</v>
      </c>
      <c r="D1312" s="16">
        <v>513</v>
      </c>
      <c r="E1312" s="16">
        <v>1505</v>
      </c>
      <c r="F1312" s="43" t="s">
        <v>5720</v>
      </c>
      <c r="G1312" s="26" t="s">
        <v>7441</v>
      </c>
      <c r="H1312" s="43" t="s">
        <v>485</v>
      </c>
      <c r="I1312" s="43" t="s">
        <v>5894</v>
      </c>
      <c r="J1312" s="19">
        <v>35.548916920000003</v>
      </c>
      <c r="K1312" s="19">
        <v>139.55461260000001</v>
      </c>
      <c r="L1312" s="43" t="s">
        <v>6092</v>
      </c>
      <c r="M1312" s="43" t="s">
        <v>6093</v>
      </c>
      <c r="N1312" s="16" t="s">
        <v>9258</v>
      </c>
      <c r="O1312" s="19">
        <v>1979</v>
      </c>
      <c r="P1312" s="19" t="s">
        <v>4103</v>
      </c>
      <c r="Q1312" s="41" t="s">
        <v>5852</v>
      </c>
      <c r="R1312" s="23">
        <v>45065</v>
      </c>
    </row>
    <row r="1313" spans="1:18" ht="14.4" customHeight="1" x14ac:dyDescent="0.2">
      <c r="A1313" s="42" t="s">
        <v>8774</v>
      </c>
      <c r="B1313" s="10" t="s">
        <v>5687</v>
      </c>
      <c r="C1313" s="16">
        <v>5</v>
      </c>
      <c r="D1313" s="16">
        <v>513</v>
      </c>
      <c r="E1313" s="16">
        <v>1505</v>
      </c>
      <c r="F1313" s="43" t="s">
        <v>5721</v>
      </c>
      <c r="G1313" s="26" t="s">
        <v>7442</v>
      </c>
      <c r="H1313" s="43" t="s">
        <v>5826</v>
      </c>
      <c r="I1313" s="43" t="s">
        <v>5895</v>
      </c>
      <c r="J1313" s="19">
        <v>35.536772020000001</v>
      </c>
      <c r="K1313" s="19">
        <v>139.59555141999999</v>
      </c>
      <c r="L1313" s="43" t="s">
        <v>6094</v>
      </c>
      <c r="M1313" s="43" t="s">
        <v>6095</v>
      </c>
      <c r="N1313" s="16" t="s">
        <v>9259</v>
      </c>
      <c r="O1313" s="19">
        <v>1983</v>
      </c>
      <c r="P1313" s="19" t="s">
        <v>4103</v>
      </c>
      <c r="Q1313" s="41" t="s">
        <v>5852</v>
      </c>
      <c r="R1313" s="23">
        <v>45065</v>
      </c>
    </row>
    <row r="1314" spans="1:18" ht="14.4" customHeight="1" x14ac:dyDescent="0.2">
      <c r="A1314" s="42" t="s">
        <v>8775</v>
      </c>
      <c r="B1314" s="10" t="s">
        <v>5687</v>
      </c>
      <c r="C1314" s="16">
        <v>5</v>
      </c>
      <c r="D1314" s="16">
        <v>513</v>
      </c>
      <c r="E1314" s="16">
        <v>1505</v>
      </c>
      <c r="F1314" s="43" t="s">
        <v>5722</v>
      </c>
      <c r="G1314" s="26" t="s">
        <v>7443</v>
      </c>
      <c r="H1314" s="43" t="s">
        <v>538</v>
      </c>
      <c r="I1314" s="43" t="s">
        <v>5896</v>
      </c>
      <c r="J1314" s="19">
        <v>35.396490450000002</v>
      </c>
      <c r="K1314" s="19">
        <v>139.55465004999999</v>
      </c>
      <c r="L1314" s="43" t="s">
        <v>6096</v>
      </c>
      <c r="M1314" s="43" t="s">
        <v>6097</v>
      </c>
      <c r="N1314" s="16" t="s">
        <v>9260</v>
      </c>
      <c r="O1314" s="19">
        <v>1976</v>
      </c>
      <c r="P1314" s="19" t="s">
        <v>4103</v>
      </c>
      <c r="Q1314" s="41" t="s">
        <v>5852</v>
      </c>
      <c r="R1314" s="23">
        <v>45065</v>
      </c>
    </row>
    <row r="1315" spans="1:18" ht="14.4" customHeight="1" x14ac:dyDescent="0.2">
      <c r="A1315" s="42" t="s">
        <v>8776</v>
      </c>
      <c r="B1315" s="10" t="s">
        <v>5687</v>
      </c>
      <c r="C1315" s="16">
        <v>5</v>
      </c>
      <c r="D1315" s="16">
        <v>513</v>
      </c>
      <c r="E1315" s="16">
        <v>1505</v>
      </c>
      <c r="F1315" s="43" t="s">
        <v>5723</v>
      </c>
      <c r="G1315" s="26" t="s">
        <v>7444</v>
      </c>
      <c r="H1315" s="43" t="s">
        <v>1638</v>
      </c>
      <c r="I1315" s="43" t="s">
        <v>5897</v>
      </c>
      <c r="J1315" s="19">
        <v>35.391308819999999</v>
      </c>
      <c r="K1315" s="19">
        <v>139.51689636</v>
      </c>
      <c r="L1315" s="43" t="s">
        <v>6098</v>
      </c>
      <c r="M1315" s="43" t="s">
        <v>6099</v>
      </c>
      <c r="N1315" s="16" t="s">
        <v>9261</v>
      </c>
      <c r="O1315" s="19">
        <v>2002</v>
      </c>
      <c r="P1315" s="19" t="s">
        <v>4103</v>
      </c>
      <c r="Q1315" s="41" t="s">
        <v>5854</v>
      </c>
      <c r="R1315" s="23">
        <v>45065</v>
      </c>
    </row>
    <row r="1316" spans="1:18" ht="14.4" customHeight="1" x14ac:dyDescent="0.2">
      <c r="A1316" s="42" t="s">
        <v>8777</v>
      </c>
      <c r="B1316" s="10" t="s">
        <v>5687</v>
      </c>
      <c r="C1316" s="16">
        <v>5</v>
      </c>
      <c r="D1316" s="16">
        <v>513</v>
      </c>
      <c r="E1316" s="16">
        <v>1505</v>
      </c>
      <c r="F1316" s="43" t="s">
        <v>5724</v>
      </c>
      <c r="G1316" s="26" t="s">
        <v>7445</v>
      </c>
      <c r="H1316" s="43" t="s">
        <v>540</v>
      </c>
      <c r="I1316" s="43" t="s">
        <v>5898</v>
      </c>
      <c r="J1316" s="19">
        <v>35.413488710000003</v>
      </c>
      <c r="K1316" s="19">
        <v>139.52825622</v>
      </c>
      <c r="L1316" s="43" t="s">
        <v>6100</v>
      </c>
      <c r="M1316" s="43" t="s">
        <v>6101</v>
      </c>
      <c r="N1316" s="16" t="s">
        <v>9262</v>
      </c>
      <c r="O1316" s="19">
        <v>1983</v>
      </c>
      <c r="P1316" s="19" t="s">
        <v>4103</v>
      </c>
      <c r="Q1316" s="41" t="s">
        <v>5859</v>
      </c>
      <c r="R1316" s="23">
        <v>45065</v>
      </c>
    </row>
    <row r="1317" spans="1:18" ht="14.4" customHeight="1" x14ac:dyDescent="0.2">
      <c r="A1317" s="42" t="s">
        <v>8778</v>
      </c>
      <c r="B1317" s="10" t="s">
        <v>5687</v>
      </c>
      <c r="C1317" s="16">
        <v>5</v>
      </c>
      <c r="D1317" s="16">
        <v>513</v>
      </c>
      <c r="E1317" s="16">
        <v>1505</v>
      </c>
      <c r="F1317" s="43" t="s">
        <v>5725</v>
      </c>
      <c r="G1317" s="26" t="s">
        <v>7446</v>
      </c>
      <c r="H1317" s="43" t="s">
        <v>5827</v>
      </c>
      <c r="I1317" s="43" t="s">
        <v>5899</v>
      </c>
      <c r="J1317" s="19">
        <v>35.365917670000002</v>
      </c>
      <c r="K1317" s="19">
        <v>139.55335477</v>
      </c>
      <c r="L1317" s="43" t="s">
        <v>6102</v>
      </c>
      <c r="M1317" s="43" t="s">
        <v>6103</v>
      </c>
      <c r="N1317" s="16" t="s">
        <v>9263</v>
      </c>
      <c r="O1317" s="19">
        <v>1967</v>
      </c>
      <c r="P1317" s="19" t="s">
        <v>4103</v>
      </c>
      <c r="Q1317" s="41" t="s">
        <v>5852</v>
      </c>
      <c r="R1317" s="23">
        <v>45065</v>
      </c>
    </row>
    <row r="1318" spans="1:18" ht="14.4" customHeight="1" x14ac:dyDescent="0.2">
      <c r="A1318" s="42" t="s">
        <v>8779</v>
      </c>
      <c r="B1318" s="10" t="s">
        <v>5687</v>
      </c>
      <c r="C1318" s="16">
        <v>5</v>
      </c>
      <c r="D1318" s="16">
        <v>513</v>
      </c>
      <c r="E1318" s="16">
        <v>1505</v>
      </c>
      <c r="F1318" s="43" t="s">
        <v>5726</v>
      </c>
      <c r="G1318" s="26" t="s">
        <v>7447</v>
      </c>
      <c r="H1318" s="43" t="s">
        <v>5828</v>
      </c>
      <c r="I1318" s="43" t="s">
        <v>5900</v>
      </c>
      <c r="J1318" s="19">
        <v>35.374407689999998</v>
      </c>
      <c r="K1318" s="19">
        <v>139.52368354999999</v>
      </c>
      <c r="L1318" s="43" t="s">
        <v>6104</v>
      </c>
      <c r="M1318" s="43" t="s">
        <v>6105</v>
      </c>
      <c r="N1318" s="16" t="s">
        <v>9264</v>
      </c>
      <c r="O1318" s="19">
        <v>1975</v>
      </c>
      <c r="P1318" s="19" t="s">
        <v>4103</v>
      </c>
      <c r="Q1318" s="41" t="s">
        <v>5852</v>
      </c>
      <c r="R1318" s="23">
        <v>45065</v>
      </c>
    </row>
    <row r="1319" spans="1:18" ht="14.4" customHeight="1" x14ac:dyDescent="0.2">
      <c r="A1319" s="42" t="s">
        <v>8780</v>
      </c>
      <c r="B1319" s="10" t="s">
        <v>5687</v>
      </c>
      <c r="C1319" s="16">
        <v>5</v>
      </c>
      <c r="D1319" s="16">
        <v>513</v>
      </c>
      <c r="E1319" s="16">
        <v>1505</v>
      </c>
      <c r="F1319" s="43" t="s">
        <v>5727</v>
      </c>
      <c r="G1319" s="26" t="s">
        <v>7448</v>
      </c>
      <c r="H1319" s="43" t="s">
        <v>577</v>
      </c>
      <c r="I1319" s="43" t="s">
        <v>5901</v>
      </c>
      <c r="J1319" s="19">
        <v>35.365116610000001</v>
      </c>
      <c r="K1319" s="19">
        <v>139.58038592</v>
      </c>
      <c r="L1319" s="43" t="s">
        <v>6106</v>
      </c>
      <c r="M1319" s="43" t="s">
        <v>6107</v>
      </c>
      <c r="N1319" s="16" t="s">
        <v>9265</v>
      </c>
      <c r="O1319" s="19">
        <v>2009</v>
      </c>
      <c r="P1319" s="19" t="s">
        <v>4103</v>
      </c>
      <c r="Q1319" s="41" t="s">
        <v>5854</v>
      </c>
      <c r="R1319" s="23">
        <v>45065</v>
      </c>
    </row>
    <row r="1320" spans="1:18" ht="14.4" customHeight="1" x14ac:dyDescent="0.2">
      <c r="A1320" s="42" t="s">
        <v>8781</v>
      </c>
      <c r="B1320" s="10" t="s">
        <v>5687</v>
      </c>
      <c r="C1320" s="16">
        <v>5</v>
      </c>
      <c r="D1320" s="16">
        <v>513</v>
      </c>
      <c r="E1320" s="16">
        <v>1505</v>
      </c>
      <c r="F1320" s="43" t="s">
        <v>5728</v>
      </c>
      <c r="G1320" s="26" t="s">
        <v>7449</v>
      </c>
      <c r="H1320" s="43" t="s">
        <v>579</v>
      </c>
      <c r="I1320" s="43" t="s">
        <v>5902</v>
      </c>
      <c r="J1320" s="19">
        <v>35.437499870000003</v>
      </c>
      <c r="K1320" s="19">
        <v>139.49407955999999</v>
      </c>
      <c r="L1320" s="43" t="s">
        <v>6108</v>
      </c>
      <c r="M1320" s="43" t="s">
        <v>6109</v>
      </c>
      <c r="N1320" s="16" t="s">
        <v>9266</v>
      </c>
      <c r="O1320" s="19">
        <v>1972</v>
      </c>
      <c r="P1320" s="19" t="s">
        <v>4103</v>
      </c>
      <c r="Q1320" s="41" t="s">
        <v>5852</v>
      </c>
      <c r="R1320" s="23">
        <v>45065</v>
      </c>
    </row>
    <row r="1321" spans="1:18" ht="14.4" customHeight="1" x14ac:dyDescent="0.2">
      <c r="A1321" s="42" t="s">
        <v>8782</v>
      </c>
      <c r="B1321" s="10" t="s">
        <v>5687</v>
      </c>
      <c r="C1321" s="16">
        <v>5</v>
      </c>
      <c r="D1321" s="16">
        <v>513</v>
      </c>
      <c r="E1321" s="16">
        <v>1505</v>
      </c>
      <c r="F1321" s="43" t="s">
        <v>5729</v>
      </c>
      <c r="G1321" s="26" t="s">
        <v>7450</v>
      </c>
      <c r="H1321" s="43" t="s">
        <v>581</v>
      </c>
      <c r="I1321" s="43" t="s">
        <v>5903</v>
      </c>
      <c r="J1321" s="19">
        <v>35.43208353</v>
      </c>
      <c r="K1321" s="19">
        <v>139.52433110999999</v>
      </c>
      <c r="L1321" s="43" t="s">
        <v>6110</v>
      </c>
      <c r="M1321" s="43" t="s">
        <v>6111</v>
      </c>
      <c r="N1321" s="16" t="s">
        <v>9267</v>
      </c>
      <c r="O1321" s="19">
        <v>2017</v>
      </c>
      <c r="P1321" s="19" t="s">
        <v>4103</v>
      </c>
      <c r="Q1321" s="41" t="s">
        <v>9235</v>
      </c>
      <c r="R1321" s="23">
        <v>45065</v>
      </c>
    </row>
    <row r="1322" spans="1:18" ht="14.4" customHeight="1" x14ac:dyDescent="0.2">
      <c r="A1322" s="42" t="s">
        <v>8783</v>
      </c>
      <c r="B1322" s="10" t="s">
        <v>5687</v>
      </c>
      <c r="C1322" s="16">
        <v>5</v>
      </c>
      <c r="D1322" s="16">
        <v>513</v>
      </c>
      <c r="E1322" s="16">
        <v>1505</v>
      </c>
      <c r="F1322" s="43" t="s">
        <v>5730</v>
      </c>
      <c r="G1322" s="26" t="s">
        <v>7451</v>
      </c>
      <c r="H1322" s="43" t="s">
        <v>579</v>
      </c>
      <c r="I1322" s="43" t="s">
        <v>5904</v>
      </c>
      <c r="J1322" s="19">
        <v>35.409023130000001</v>
      </c>
      <c r="K1322" s="19">
        <v>139.48995343999999</v>
      </c>
      <c r="L1322" s="43" t="s">
        <v>6112</v>
      </c>
      <c r="M1322" s="43" t="s">
        <v>6113</v>
      </c>
      <c r="N1322" s="16" t="s">
        <v>9268</v>
      </c>
      <c r="O1322" s="19">
        <v>2008</v>
      </c>
      <c r="P1322" s="19" t="s">
        <v>4103</v>
      </c>
      <c r="Q1322" s="41" t="s">
        <v>5860</v>
      </c>
      <c r="R1322" s="23">
        <v>45065</v>
      </c>
    </row>
    <row r="1323" spans="1:18" s="86" customFormat="1" ht="14.4" customHeight="1" x14ac:dyDescent="0.2">
      <c r="A1323" s="42" t="s">
        <v>10502</v>
      </c>
      <c r="B1323" s="10" t="s">
        <v>5687</v>
      </c>
      <c r="C1323" s="16">
        <v>5</v>
      </c>
      <c r="D1323" s="16">
        <v>513</v>
      </c>
      <c r="E1323" s="16">
        <v>1505</v>
      </c>
      <c r="F1323" s="43" t="s">
        <v>10478</v>
      </c>
      <c r="G1323" s="26" t="s">
        <v>10479</v>
      </c>
      <c r="H1323" s="43" t="s">
        <v>10480</v>
      </c>
      <c r="I1323" s="43" t="s">
        <v>10481</v>
      </c>
      <c r="J1323" s="19"/>
      <c r="K1323" s="19"/>
      <c r="L1323" s="43" t="s">
        <v>10482</v>
      </c>
      <c r="M1323" s="43" t="s">
        <v>10483</v>
      </c>
      <c r="N1323" s="72" t="s">
        <v>10484</v>
      </c>
      <c r="O1323" s="19">
        <v>2022</v>
      </c>
      <c r="P1323" s="19" t="s">
        <v>4103</v>
      </c>
      <c r="Q1323" s="41" t="s">
        <v>10485</v>
      </c>
      <c r="R1323" s="23">
        <v>45065</v>
      </c>
    </row>
    <row r="1324" spans="1:18" ht="14.4" customHeight="1" x14ac:dyDescent="0.2">
      <c r="A1324" s="42" t="s">
        <v>8784</v>
      </c>
      <c r="B1324" s="10" t="s">
        <v>5687</v>
      </c>
      <c r="C1324" s="16">
        <v>5</v>
      </c>
      <c r="D1324" s="16">
        <v>513</v>
      </c>
      <c r="E1324" s="16">
        <v>1505</v>
      </c>
      <c r="F1324" s="43" t="s">
        <v>5731</v>
      </c>
      <c r="G1324" s="26" t="s">
        <v>7452</v>
      </c>
      <c r="H1324" s="43" t="s">
        <v>5829</v>
      </c>
      <c r="I1324" s="43" t="s">
        <v>5905</v>
      </c>
      <c r="J1324" s="19">
        <v>35.517289069999997</v>
      </c>
      <c r="K1324" s="19">
        <v>139.69717879000001</v>
      </c>
      <c r="L1324" s="43" t="s">
        <v>6114</v>
      </c>
      <c r="M1324" s="43" t="s">
        <v>6115</v>
      </c>
      <c r="N1324" s="16" t="s">
        <v>9269</v>
      </c>
      <c r="O1324" s="19">
        <v>1927</v>
      </c>
      <c r="P1324" s="19" t="s">
        <v>4103</v>
      </c>
      <c r="Q1324" s="49" t="s">
        <v>10131</v>
      </c>
      <c r="R1324" s="23">
        <v>45065</v>
      </c>
    </row>
    <row r="1325" spans="1:18" ht="14.4" customHeight="1" x14ac:dyDescent="0.2">
      <c r="A1325" s="42" t="s">
        <v>8785</v>
      </c>
      <c r="B1325" s="10" t="s">
        <v>5687</v>
      </c>
      <c r="C1325" s="16">
        <v>5</v>
      </c>
      <c r="D1325" s="16">
        <v>513</v>
      </c>
      <c r="E1325" s="16">
        <v>1505</v>
      </c>
      <c r="F1325" s="43" t="s">
        <v>5732</v>
      </c>
      <c r="G1325" s="26" t="s">
        <v>7453</v>
      </c>
      <c r="H1325" s="43" t="s">
        <v>623</v>
      </c>
      <c r="I1325" s="43" t="s">
        <v>5906</v>
      </c>
      <c r="J1325" s="19">
        <v>35.524590740000001</v>
      </c>
      <c r="K1325" s="19">
        <v>139.73634618</v>
      </c>
      <c r="L1325" s="43" t="s">
        <v>6116</v>
      </c>
      <c r="M1325" s="43" t="s">
        <v>6117</v>
      </c>
      <c r="N1325" s="16" t="s">
        <v>9270</v>
      </c>
      <c r="O1325" s="19">
        <v>1983</v>
      </c>
      <c r="P1325" s="19" t="s">
        <v>4103</v>
      </c>
      <c r="Q1325" s="41" t="s">
        <v>9235</v>
      </c>
      <c r="R1325" s="23">
        <v>45065</v>
      </c>
    </row>
    <row r="1326" spans="1:18" ht="14.4" customHeight="1" x14ac:dyDescent="0.2">
      <c r="A1326" s="42" t="s">
        <v>8786</v>
      </c>
      <c r="B1326" s="10" t="s">
        <v>5687</v>
      </c>
      <c r="C1326" s="16">
        <v>5</v>
      </c>
      <c r="D1326" s="16">
        <v>513</v>
      </c>
      <c r="E1326" s="16">
        <v>1505</v>
      </c>
      <c r="F1326" s="43" t="s">
        <v>5733</v>
      </c>
      <c r="G1326" s="26" t="s">
        <v>7454</v>
      </c>
      <c r="H1326" s="43" t="s">
        <v>680</v>
      </c>
      <c r="I1326" s="43" t="s">
        <v>5907</v>
      </c>
      <c r="J1326" s="19">
        <v>35.557434800000003</v>
      </c>
      <c r="K1326" s="19">
        <v>139.67485597000001</v>
      </c>
      <c r="L1326" s="43" t="s">
        <v>6118</v>
      </c>
      <c r="M1326" s="43" t="s">
        <v>6119</v>
      </c>
      <c r="N1326" s="16" t="s">
        <v>9271</v>
      </c>
      <c r="O1326" s="19">
        <v>2009</v>
      </c>
      <c r="P1326" s="19" t="s">
        <v>4103</v>
      </c>
      <c r="Q1326" s="41" t="s">
        <v>5861</v>
      </c>
      <c r="R1326" s="23">
        <v>45065</v>
      </c>
    </row>
    <row r="1327" spans="1:18" ht="14.4" customHeight="1" x14ac:dyDescent="0.2">
      <c r="A1327" s="42" t="s">
        <v>8787</v>
      </c>
      <c r="B1327" s="10" t="s">
        <v>5687</v>
      </c>
      <c r="C1327" s="16">
        <v>5</v>
      </c>
      <c r="D1327" s="16">
        <v>513</v>
      </c>
      <c r="E1327" s="16">
        <v>1505</v>
      </c>
      <c r="F1327" s="43" t="s">
        <v>5734</v>
      </c>
      <c r="G1327" s="26" t="s">
        <v>7455</v>
      </c>
      <c r="H1327" s="43" t="s">
        <v>709</v>
      </c>
      <c r="I1327" s="43" t="s">
        <v>5908</v>
      </c>
      <c r="J1327" s="19">
        <v>35.580308680000002</v>
      </c>
      <c r="K1327" s="19">
        <v>139.63199728999999</v>
      </c>
      <c r="L1327" s="43" t="s">
        <v>6120</v>
      </c>
      <c r="M1327" s="43" t="s">
        <v>6121</v>
      </c>
      <c r="N1327" s="16" t="s">
        <v>9272</v>
      </c>
      <c r="O1327" s="19">
        <v>1963</v>
      </c>
      <c r="P1327" s="19" t="s">
        <v>4103</v>
      </c>
      <c r="Q1327" s="41" t="s">
        <v>5852</v>
      </c>
      <c r="R1327" s="23">
        <v>45065</v>
      </c>
    </row>
    <row r="1328" spans="1:18" ht="14.4" customHeight="1" x14ac:dyDescent="0.2">
      <c r="A1328" s="42" t="s">
        <v>8788</v>
      </c>
      <c r="B1328" s="10" t="s">
        <v>5687</v>
      </c>
      <c r="C1328" s="16">
        <v>5</v>
      </c>
      <c r="D1328" s="16">
        <v>513</v>
      </c>
      <c r="E1328" s="16">
        <v>1505</v>
      </c>
      <c r="F1328" s="43" t="s">
        <v>5735</v>
      </c>
      <c r="G1328" s="26" t="s">
        <v>7456</v>
      </c>
      <c r="H1328" s="43" t="s">
        <v>1679</v>
      </c>
      <c r="I1328" s="43" t="s">
        <v>5909</v>
      </c>
      <c r="J1328" s="19">
        <v>35.566921170000001</v>
      </c>
      <c r="K1328" s="19">
        <v>139.65949119999999</v>
      </c>
      <c r="L1328" s="43" t="s">
        <v>6122</v>
      </c>
      <c r="M1328" s="43" t="s">
        <v>6123</v>
      </c>
      <c r="N1328" s="16" t="s">
        <v>9273</v>
      </c>
      <c r="O1328" s="19">
        <v>1980</v>
      </c>
      <c r="P1328" s="19" t="s">
        <v>4103</v>
      </c>
      <c r="Q1328" s="41" t="s">
        <v>5852</v>
      </c>
      <c r="R1328" s="23">
        <v>45065</v>
      </c>
    </row>
    <row r="1329" spans="1:18" ht="14.4" customHeight="1" x14ac:dyDescent="0.2">
      <c r="A1329" s="42" t="s">
        <v>8789</v>
      </c>
      <c r="B1329" s="10" t="s">
        <v>5687</v>
      </c>
      <c r="C1329" s="16">
        <v>5</v>
      </c>
      <c r="D1329" s="16">
        <v>513</v>
      </c>
      <c r="E1329" s="16">
        <v>1505</v>
      </c>
      <c r="F1329" s="43" t="s">
        <v>5736</v>
      </c>
      <c r="G1329" s="26" t="s">
        <v>7457</v>
      </c>
      <c r="H1329" s="43" t="s">
        <v>748</v>
      </c>
      <c r="I1329" s="43" t="s">
        <v>5910</v>
      </c>
      <c r="J1329" s="19">
        <v>35.573925799999998</v>
      </c>
      <c r="K1329" s="19">
        <v>139.58640030999999</v>
      </c>
      <c r="L1329" s="43" t="s">
        <v>6124</v>
      </c>
      <c r="M1329" s="43" t="s">
        <v>6125</v>
      </c>
      <c r="N1329" s="16" t="s">
        <v>9274</v>
      </c>
      <c r="O1329" s="19">
        <v>1974</v>
      </c>
      <c r="P1329" s="19" t="s">
        <v>4103</v>
      </c>
      <c r="Q1329" s="41" t="s">
        <v>5852</v>
      </c>
      <c r="R1329" s="23">
        <v>45065</v>
      </c>
    </row>
    <row r="1330" spans="1:18" ht="14.4" customHeight="1" x14ac:dyDescent="0.2">
      <c r="A1330" s="42" t="s">
        <v>8790</v>
      </c>
      <c r="B1330" s="10" t="s">
        <v>5687</v>
      </c>
      <c r="C1330" s="16">
        <v>5</v>
      </c>
      <c r="D1330" s="16">
        <v>513</v>
      </c>
      <c r="E1330" s="16">
        <v>1505</v>
      </c>
      <c r="F1330" s="43" t="s">
        <v>5737</v>
      </c>
      <c r="G1330" s="26" t="s">
        <v>7458</v>
      </c>
      <c r="H1330" s="43" t="s">
        <v>767</v>
      </c>
      <c r="I1330" s="43" t="s">
        <v>5911</v>
      </c>
      <c r="J1330" s="19">
        <v>35.617167440000003</v>
      </c>
      <c r="K1330" s="19">
        <v>139.5850217</v>
      </c>
      <c r="L1330" s="43" t="s">
        <v>6126</v>
      </c>
      <c r="M1330" s="43" t="s">
        <v>6127</v>
      </c>
      <c r="N1330" s="16" t="s">
        <v>9275</v>
      </c>
      <c r="O1330" s="19">
        <v>1956</v>
      </c>
      <c r="P1330" s="19" t="s">
        <v>4103</v>
      </c>
      <c r="Q1330" s="41" t="s">
        <v>5852</v>
      </c>
      <c r="R1330" s="23">
        <v>45065</v>
      </c>
    </row>
    <row r="1331" spans="1:18" ht="14.4" customHeight="1" x14ac:dyDescent="0.2">
      <c r="A1331" s="42" t="s">
        <v>8791</v>
      </c>
      <c r="B1331" s="10" t="s">
        <v>5687</v>
      </c>
      <c r="C1331" s="16">
        <v>5</v>
      </c>
      <c r="D1331" s="16">
        <v>513</v>
      </c>
      <c r="E1331" s="16">
        <v>1505</v>
      </c>
      <c r="F1331" s="43" t="s">
        <v>5738</v>
      </c>
      <c r="G1331" s="26" t="s">
        <v>7459</v>
      </c>
      <c r="H1331" s="43" t="s">
        <v>5830</v>
      </c>
      <c r="I1331" s="43" t="s">
        <v>5912</v>
      </c>
      <c r="J1331" s="19">
        <v>35.615538170000001</v>
      </c>
      <c r="K1331" s="19">
        <v>139.59694354999999</v>
      </c>
      <c r="L1331" s="43" t="s">
        <v>6128</v>
      </c>
      <c r="M1331" s="43" t="s">
        <v>6129</v>
      </c>
      <c r="N1331" s="16" t="s">
        <v>9276</v>
      </c>
      <c r="O1331" s="19">
        <v>1962</v>
      </c>
      <c r="P1331" s="19" t="s">
        <v>4103</v>
      </c>
      <c r="Q1331" s="49" t="s">
        <v>10658</v>
      </c>
      <c r="R1331" s="23">
        <v>45065</v>
      </c>
    </row>
    <row r="1332" spans="1:18" ht="14.4" customHeight="1" x14ac:dyDescent="0.2">
      <c r="A1332" s="42" t="s">
        <v>8792</v>
      </c>
      <c r="B1332" s="10" t="s">
        <v>5687</v>
      </c>
      <c r="C1332" s="16">
        <v>5</v>
      </c>
      <c r="D1332" s="16">
        <v>513</v>
      </c>
      <c r="E1332" s="16">
        <v>1505</v>
      </c>
      <c r="F1332" s="43" t="s">
        <v>5739</v>
      </c>
      <c r="G1332" s="26" t="s">
        <v>7460</v>
      </c>
      <c r="H1332" s="43" t="s">
        <v>5831</v>
      </c>
      <c r="I1332" s="43" t="s">
        <v>5913</v>
      </c>
      <c r="J1332" s="19">
        <v>35.59891743</v>
      </c>
      <c r="K1332" s="19">
        <v>139.54054930000001</v>
      </c>
      <c r="L1332" s="43" t="s">
        <v>6130</v>
      </c>
      <c r="M1332" s="43" t="s">
        <v>6131</v>
      </c>
      <c r="N1332" s="16" t="s">
        <v>9277</v>
      </c>
      <c r="O1332" s="19">
        <v>1969</v>
      </c>
      <c r="P1332" s="19" t="s">
        <v>4103</v>
      </c>
      <c r="Q1332" s="41" t="s">
        <v>5852</v>
      </c>
      <c r="R1332" s="23">
        <v>45065</v>
      </c>
    </row>
    <row r="1333" spans="1:18" ht="14.4" customHeight="1" x14ac:dyDescent="0.2">
      <c r="A1333" s="42" t="s">
        <v>8793</v>
      </c>
      <c r="B1333" s="10" t="s">
        <v>5687</v>
      </c>
      <c r="C1333" s="16">
        <v>5</v>
      </c>
      <c r="D1333" s="16">
        <v>513</v>
      </c>
      <c r="E1333" s="16">
        <v>1505</v>
      </c>
      <c r="F1333" s="43" t="s">
        <v>5740</v>
      </c>
      <c r="G1333" s="26" t="s">
        <v>7461</v>
      </c>
      <c r="H1333" s="43" t="s">
        <v>791</v>
      </c>
      <c r="I1333" s="43" t="s">
        <v>5914</v>
      </c>
      <c r="J1333" s="19">
        <v>35.601000390000003</v>
      </c>
      <c r="K1333" s="19">
        <v>139.53485850000001</v>
      </c>
      <c r="L1333" s="43" t="s">
        <v>6132</v>
      </c>
      <c r="M1333" s="43" t="s">
        <v>6133</v>
      </c>
      <c r="N1333" s="16" t="s">
        <v>10013</v>
      </c>
      <c r="O1333" s="19">
        <v>1975</v>
      </c>
      <c r="P1333" s="19" t="s">
        <v>4103</v>
      </c>
      <c r="Q1333" s="41" t="s">
        <v>5852</v>
      </c>
      <c r="R1333" s="23">
        <v>45065</v>
      </c>
    </row>
    <row r="1334" spans="1:18" ht="14.4" customHeight="1" x14ac:dyDescent="0.2">
      <c r="A1334" s="42" t="s">
        <v>8794</v>
      </c>
      <c r="B1334" s="10" t="s">
        <v>5687</v>
      </c>
      <c r="C1334" s="16">
        <v>5</v>
      </c>
      <c r="D1334" s="16">
        <v>513</v>
      </c>
      <c r="E1334" s="16">
        <v>1505</v>
      </c>
      <c r="F1334" s="43" t="s">
        <v>5741</v>
      </c>
      <c r="G1334" s="26" t="s">
        <v>7462</v>
      </c>
      <c r="H1334" s="43" t="s">
        <v>789</v>
      </c>
      <c r="I1334" s="43" t="s">
        <v>5915</v>
      </c>
      <c r="J1334" s="19">
        <v>35.618740670000001</v>
      </c>
      <c r="K1334" s="19">
        <v>139.5465451</v>
      </c>
      <c r="L1334" s="43" t="s">
        <v>6134</v>
      </c>
      <c r="M1334" s="43" t="s">
        <v>6135</v>
      </c>
      <c r="N1334" s="16" t="s">
        <v>9278</v>
      </c>
      <c r="O1334" s="19">
        <v>1977</v>
      </c>
      <c r="P1334" s="19" t="s">
        <v>4103</v>
      </c>
      <c r="Q1334" s="41" t="s">
        <v>5852</v>
      </c>
      <c r="R1334" s="23">
        <v>45065</v>
      </c>
    </row>
    <row r="1335" spans="1:18" ht="14.4" customHeight="1" x14ac:dyDescent="0.2">
      <c r="A1335" s="42" t="s">
        <v>8795</v>
      </c>
      <c r="B1335" s="10" t="s">
        <v>5687</v>
      </c>
      <c r="C1335" s="16">
        <v>5</v>
      </c>
      <c r="D1335" s="16">
        <v>513</v>
      </c>
      <c r="E1335" s="16">
        <v>1505</v>
      </c>
      <c r="F1335" s="43" t="s">
        <v>5742</v>
      </c>
      <c r="G1335" s="26" t="s">
        <v>7463</v>
      </c>
      <c r="H1335" s="43" t="s">
        <v>778</v>
      </c>
      <c r="I1335" s="43" t="s">
        <v>5916</v>
      </c>
      <c r="J1335" s="19">
        <v>35.622777259999999</v>
      </c>
      <c r="K1335" s="19">
        <v>139.52787142</v>
      </c>
      <c r="L1335" s="43" t="s">
        <v>6136</v>
      </c>
      <c r="M1335" s="43" t="s">
        <v>6137</v>
      </c>
      <c r="N1335" s="16" t="s">
        <v>10014</v>
      </c>
      <c r="O1335" s="19">
        <v>1983</v>
      </c>
      <c r="P1335" s="19" t="s">
        <v>4103</v>
      </c>
      <c r="Q1335" s="41" t="s">
        <v>5852</v>
      </c>
      <c r="R1335" s="23">
        <v>45065</v>
      </c>
    </row>
    <row r="1336" spans="1:18" ht="14.4" customHeight="1" x14ac:dyDescent="0.2">
      <c r="A1336" s="42" t="s">
        <v>8796</v>
      </c>
      <c r="B1336" s="10" t="s">
        <v>5687</v>
      </c>
      <c r="C1336" s="16">
        <v>5</v>
      </c>
      <c r="D1336" s="16">
        <v>513</v>
      </c>
      <c r="E1336" s="16">
        <v>1505</v>
      </c>
      <c r="F1336" s="43" t="s">
        <v>5743</v>
      </c>
      <c r="G1336" s="26" t="s">
        <v>7464</v>
      </c>
      <c r="H1336" s="43" t="s">
        <v>812</v>
      </c>
      <c r="I1336" s="43" t="s">
        <v>5917</v>
      </c>
      <c r="J1336" s="19">
        <v>35.595727230000001</v>
      </c>
      <c r="K1336" s="19">
        <v>139.48252156000001</v>
      </c>
      <c r="L1336" s="43" t="s">
        <v>6138</v>
      </c>
      <c r="M1336" s="43" t="s">
        <v>6139</v>
      </c>
      <c r="N1336" s="16" t="s">
        <v>9279</v>
      </c>
      <c r="O1336" s="19">
        <v>2003</v>
      </c>
      <c r="P1336" s="19" t="s">
        <v>4103</v>
      </c>
      <c r="Q1336" s="41" t="s">
        <v>5853</v>
      </c>
      <c r="R1336" s="23">
        <v>45065</v>
      </c>
    </row>
    <row r="1337" spans="1:18" ht="14.4" customHeight="1" x14ac:dyDescent="0.2">
      <c r="A1337" s="42" t="s">
        <v>8797</v>
      </c>
      <c r="B1337" s="10" t="s">
        <v>5687</v>
      </c>
      <c r="C1337" s="16">
        <v>5</v>
      </c>
      <c r="D1337" s="16">
        <v>513</v>
      </c>
      <c r="E1337" s="16">
        <v>1505</v>
      </c>
      <c r="F1337" s="43" t="s">
        <v>5744</v>
      </c>
      <c r="G1337" s="26" t="s">
        <v>7465</v>
      </c>
      <c r="H1337" s="43" t="s">
        <v>798</v>
      </c>
      <c r="I1337" s="43" t="s">
        <v>5918</v>
      </c>
      <c r="J1337" s="19">
        <v>35.611948699999999</v>
      </c>
      <c r="K1337" s="19">
        <v>139.49819338</v>
      </c>
      <c r="L1337" s="43" t="s">
        <v>6140</v>
      </c>
      <c r="M1337" s="43" t="s">
        <v>6141</v>
      </c>
      <c r="N1337" s="16" t="s">
        <v>10015</v>
      </c>
      <c r="O1337" s="19">
        <v>1984</v>
      </c>
      <c r="P1337" s="19" t="s">
        <v>4103</v>
      </c>
      <c r="Q1337" s="41" t="s">
        <v>5852</v>
      </c>
      <c r="R1337" s="23">
        <v>45065</v>
      </c>
    </row>
    <row r="1338" spans="1:18" ht="14.4" customHeight="1" x14ac:dyDescent="0.2">
      <c r="A1338" s="42" t="s">
        <v>8798</v>
      </c>
      <c r="B1338" s="11" t="s">
        <v>5687</v>
      </c>
      <c r="C1338" s="40">
        <v>5</v>
      </c>
      <c r="D1338" s="40">
        <v>513</v>
      </c>
      <c r="E1338" s="40">
        <v>1505</v>
      </c>
      <c r="F1338" s="43" t="s">
        <v>5745</v>
      </c>
      <c r="G1338" s="26" t="s">
        <v>7466</v>
      </c>
      <c r="H1338" s="43" t="s">
        <v>10113</v>
      </c>
      <c r="I1338" s="43" t="s">
        <v>9280</v>
      </c>
      <c r="J1338" s="39"/>
      <c r="K1338" s="39"/>
      <c r="L1338" s="43" t="s">
        <v>10132</v>
      </c>
      <c r="M1338" s="43" t="s">
        <v>10114</v>
      </c>
      <c r="N1338" s="54" t="s">
        <v>10473</v>
      </c>
      <c r="O1338" s="39">
        <v>1922</v>
      </c>
      <c r="P1338" s="39" t="s">
        <v>4103</v>
      </c>
      <c r="Q1338" s="49" t="s">
        <v>5862</v>
      </c>
      <c r="R1338" s="23">
        <v>45065</v>
      </c>
    </row>
    <row r="1339" spans="1:18" ht="14.4" customHeight="1" x14ac:dyDescent="0.2">
      <c r="A1339" s="42" t="s">
        <v>8799</v>
      </c>
      <c r="B1339" s="10" t="s">
        <v>5687</v>
      </c>
      <c r="C1339" s="16">
        <v>5</v>
      </c>
      <c r="D1339" s="16">
        <v>513</v>
      </c>
      <c r="E1339" s="16">
        <v>1505</v>
      </c>
      <c r="F1339" s="43" t="s">
        <v>5746</v>
      </c>
      <c r="G1339" s="26" t="s">
        <v>7467</v>
      </c>
      <c r="H1339" s="43" t="s">
        <v>5832</v>
      </c>
      <c r="I1339" s="43" t="s">
        <v>5919</v>
      </c>
      <c r="J1339" s="19">
        <v>35.598886999999998</v>
      </c>
      <c r="K1339" s="19">
        <v>139.33415944000001</v>
      </c>
      <c r="L1339" s="43" t="s">
        <v>6142</v>
      </c>
      <c r="M1339" s="43" t="s">
        <v>6143</v>
      </c>
      <c r="N1339" s="16" t="s">
        <v>9281</v>
      </c>
      <c r="O1339" s="19">
        <v>1978</v>
      </c>
      <c r="P1339" s="19" t="s">
        <v>4103</v>
      </c>
      <c r="Q1339" s="41" t="s">
        <v>5852</v>
      </c>
      <c r="R1339" s="23">
        <v>45065</v>
      </c>
    </row>
    <row r="1340" spans="1:18" s="86" customFormat="1" ht="14.4" customHeight="1" x14ac:dyDescent="0.2">
      <c r="A1340" s="42" t="s">
        <v>10503</v>
      </c>
      <c r="B1340" s="10" t="s">
        <v>5687</v>
      </c>
      <c r="C1340" s="16">
        <v>5</v>
      </c>
      <c r="D1340" s="16">
        <v>513</v>
      </c>
      <c r="E1340" s="16">
        <v>1505</v>
      </c>
      <c r="F1340" s="43" t="s">
        <v>10486</v>
      </c>
      <c r="G1340" s="26" t="s">
        <v>10487</v>
      </c>
      <c r="H1340" s="43" t="s">
        <v>10488</v>
      </c>
      <c r="I1340" s="43" t="s">
        <v>10489</v>
      </c>
      <c r="J1340" s="19"/>
      <c r="K1340" s="19"/>
      <c r="L1340" s="43" t="s">
        <v>10490</v>
      </c>
      <c r="M1340" s="43" t="s">
        <v>10491</v>
      </c>
      <c r="N1340" s="72" t="s">
        <v>10492</v>
      </c>
      <c r="O1340" s="19">
        <v>2022</v>
      </c>
      <c r="P1340" s="19" t="s">
        <v>4103</v>
      </c>
      <c r="Q1340" s="41" t="s">
        <v>10493</v>
      </c>
      <c r="R1340" s="23">
        <v>45065</v>
      </c>
    </row>
    <row r="1341" spans="1:18" ht="14.4" customHeight="1" x14ac:dyDescent="0.2">
      <c r="A1341" s="42" t="s">
        <v>8800</v>
      </c>
      <c r="B1341" s="10" t="s">
        <v>5687</v>
      </c>
      <c r="C1341" s="16">
        <v>5</v>
      </c>
      <c r="D1341" s="16">
        <v>513</v>
      </c>
      <c r="E1341" s="16">
        <v>1505</v>
      </c>
      <c r="F1341" s="43" t="s">
        <v>5747</v>
      </c>
      <c r="G1341" s="26" t="s">
        <v>7468</v>
      </c>
      <c r="H1341" s="43" t="s">
        <v>7679</v>
      </c>
      <c r="I1341" s="43" t="s">
        <v>5920</v>
      </c>
      <c r="J1341" s="19">
        <v>35.588132440000003</v>
      </c>
      <c r="K1341" s="19">
        <v>139.23107293999999</v>
      </c>
      <c r="L1341" s="43" t="s">
        <v>6144</v>
      </c>
      <c r="M1341" s="43" t="s">
        <v>6145</v>
      </c>
      <c r="N1341" s="16" t="s">
        <v>9282</v>
      </c>
      <c r="O1341" s="19">
        <v>1946</v>
      </c>
      <c r="P1341" s="19" t="s">
        <v>4103</v>
      </c>
      <c r="Q1341" s="49" t="s">
        <v>10659</v>
      </c>
      <c r="R1341" s="23">
        <v>45065</v>
      </c>
    </row>
    <row r="1342" spans="1:18" ht="14.4" customHeight="1" x14ac:dyDescent="0.2">
      <c r="A1342" s="42" t="s">
        <v>8801</v>
      </c>
      <c r="B1342" s="10" t="s">
        <v>5687</v>
      </c>
      <c r="C1342" s="16">
        <v>5</v>
      </c>
      <c r="D1342" s="16">
        <v>513</v>
      </c>
      <c r="E1342" s="16">
        <v>1505</v>
      </c>
      <c r="F1342" s="43" t="s">
        <v>5748</v>
      </c>
      <c r="G1342" s="26" t="s">
        <v>7469</v>
      </c>
      <c r="H1342" s="43" t="s">
        <v>7544</v>
      </c>
      <c r="I1342" s="43" t="s">
        <v>5921</v>
      </c>
      <c r="J1342" s="19">
        <v>35.556054940000003</v>
      </c>
      <c r="K1342" s="19">
        <v>139.35605487999999</v>
      </c>
      <c r="L1342" s="43" t="s">
        <v>6146</v>
      </c>
      <c r="M1342" s="43" t="s">
        <v>6147</v>
      </c>
      <c r="N1342" s="16" t="s">
        <v>9283</v>
      </c>
      <c r="O1342" s="19">
        <v>1911</v>
      </c>
      <c r="P1342" s="19" t="s">
        <v>4103</v>
      </c>
      <c r="Q1342" s="41" t="s">
        <v>5852</v>
      </c>
      <c r="R1342" s="23">
        <v>45065</v>
      </c>
    </row>
    <row r="1343" spans="1:18" ht="14.4" customHeight="1" x14ac:dyDescent="0.2">
      <c r="A1343" s="42" t="s">
        <v>8802</v>
      </c>
      <c r="B1343" s="10" t="s">
        <v>5687</v>
      </c>
      <c r="C1343" s="16">
        <v>5</v>
      </c>
      <c r="D1343" s="16">
        <v>513</v>
      </c>
      <c r="E1343" s="16">
        <v>1505</v>
      </c>
      <c r="F1343" s="43" t="s">
        <v>5749</v>
      </c>
      <c r="G1343" s="26" t="s">
        <v>7470</v>
      </c>
      <c r="H1343" s="43" t="s">
        <v>7702</v>
      </c>
      <c r="I1343" s="43" t="s">
        <v>5922</v>
      </c>
      <c r="J1343" s="19">
        <v>35.568228310000002</v>
      </c>
      <c r="K1343" s="19">
        <v>139.36570746999999</v>
      </c>
      <c r="L1343" s="43" t="s">
        <v>6148</v>
      </c>
      <c r="M1343" s="43" t="s">
        <v>6149</v>
      </c>
      <c r="N1343" s="16" t="s">
        <v>9284</v>
      </c>
      <c r="O1343" s="19">
        <v>1963</v>
      </c>
      <c r="P1343" s="19" t="s">
        <v>4103</v>
      </c>
      <c r="Q1343" s="41" t="s">
        <v>5852</v>
      </c>
      <c r="R1343" s="23">
        <v>45065</v>
      </c>
    </row>
    <row r="1344" spans="1:18" ht="14.4" customHeight="1" x14ac:dyDescent="0.2">
      <c r="A1344" s="42" t="s">
        <v>8803</v>
      </c>
      <c r="B1344" s="10" t="s">
        <v>5687</v>
      </c>
      <c r="C1344" s="16">
        <v>5</v>
      </c>
      <c r="D1344" s="16">
        <v>513</v>
      </c>
      <c r="E1344" s="16">
        <v>1505</v>
      </c>
      <c r="F1344" s="43" t="s">
        <v>5750</v>
      </c>
      <c r="G1344" s="26" t="s">
        <v>7471</v>
      </c>
      <c r="H1344" s="43" t="s">
        <v>7544</v>
      </c>
      <c r="I1344" s="43" t="s">
        <v>5923</v>
      </c>
      <c r="J1344" s="19">
        <v>35.54134432</v>
      </c>
      <c r="K1344" s="19">
        <v>139.36313826</v>
      </c>
      <c r="L1344" s="43" t="s">
        <v>6150</v>
      </c>
      <c r="M1344" s="43" t="s">
        <v>6151</v>
      </c>
      <c r="N1344" s="16" t="s">
        <v>9285</v>
      </c>
      <c r="O1344" s="19">
        <v>1976</v>
      </c>
      <c r="P1344" s="19" t="s">
        <v>4103</v>
      </c>
      <c r="Q1344" s="41" t="s">
        <v>5852</v>
      </c>
      <c r="R1344" s="23">
        <v>45065</v>
      </c>
    </row>
    <row r="1345" spans="1:18" ht="14.4" customHeight="1" x14ac:dyDescent="0.2">
      <c r="A1345" s="42" t="s">
        <v>8804</v>
      </c>
      <c r="B1345" s="10" t="s">
        <v>5687</v>
      </c>
      <c r="C1345" s="16">
        <v>5</v>
      </c>
      <c r="D1345" s="16">
        <v>513</v>
      </c>
      <c r="E1345" s="16">
        <v>1505</v>
      </c>
      <c r="F1345" s="43" t="s">
        <v>9286</v>
      </c>
      <c r="G1345" s="26" t="s">
        <v>10115</v>
      </c>
      <c r="H1345" s="43" t="s">
        <v>7641</v>
      </c>
      <c r="I1345" s="43" t="s">
        <v>5924</v>
      </c>
      <c r="J1345" s="19">
        <v>35.55585507</v>
      </c>
      <c r="K1345" s="19">
        <v>139.38818656000001</v>
      </c>
      <c r="L1345" s="43" t="s">
        <v>6152</v>
      </c>
      <c r="M1345" s="43" t="s">
        <v>6153</v>
      </c>
      <c r="N1345" s="20" t="s">
        <v>10116</v>
      </c>
      <c r="O1345" s="19">
        <v>2019</v>
      </c>
      <c r="P1345" s="19" t="s">
        <v>4103</v>
      </c>
      <c r="Q1345" s="49" t="s">
        <v>10117</v>
      </c>
      <c r="R1345" s="23">
        <v>45065</v>
      </c>
    </row>
    <row r="1346" spans="1:18" ht="14.4" customHeight="1" x14ac:dyDescent="0.2">
      <c r="A1346" s="42" t="s">
        <v>8805</v>
      </c>
      <c r="B1346" s="10" t="s">
        <v>5687</v>
      </c>
      <c r="C1346" s="16">
        <v>5</v>
      </c>
      <c r="D1346" s="16">
        <v>513</v>
      </c>
      <c r="E1346" s="16">
        <v>1505</v>
      </c>
      <c r="F1346" s="43" t="s">
        <v>5751</v>
      </c>
      <c r="G1346" s="26" t="s">
        <v>7472</v>
      </c>
      <c r="H1346" s="43" t="s">
        <v>7541</v>
      </c>
      <c r="I1346" s="43" t="s">
        <v>5925</v>
      </c>
      <c r="J1346" s="19">
        <v>35.548808280000003</v>
      </c>
      <c r="K1346" s="19">
        <v>139.34490921</v>
      </c>
      <c r="L1346" s="43" t="s">
        <v>6154</v>
      </c>
      <c r="M1346" s="43" t="s">
        <v>6155</v>
      </c>
      <c r="N1346" s="16" t="s">
        <v>10016</v>
      </c>
      <c r="O1346" s="19">
        <v>1987</v>
      </c>
      <c r="P1346" s="19" t="s">
        <v>4103</v>
      </c>
      <c r="Q1346" s="41" t="s">
        <v>5852</v>
      </c>
      <c r="R1346" s="23">
        <v>45065</v>
      </c>
    </row>
    <row r="1347" spans="1:18" ht="14.4" customHeight="1" x14ac:dyDescent="0.2">
      <c r="A1347" s="42" t="s">
        <v>8806</v>
      </c>
      <c r="B1347" s="10" t="s">
        <v>5687</v>
      </c>
      <c r="C1347" s="16">
        <v>5</v>
      </c>
      <c r="D1347" s="16">
        <v>513</v>
      </c>
      <c r="E1347" s="16">
        <v>1505</v>
      </c>
      <c r="F1347" s="43" t="s">
        <v>5752</v>
      </c>
      <c r="G1347" s="26" t="s">
        <v>7473</v>
      </c>
      <c r="H1347" s="43" t="s">
        <v>7569</v>
      </c>
      <c r="I1347" s="43" t="s">
        <v>5926</v>
      </c>
      <c r="J1347" s="19">
        <v>35.53620445</v>
      </c>
      <c r="K1347" s="19">
        <v>139.42695463999999</v>
      </c>
      <c r="L1347" s="43" t="s">
        <v>6156</v>
      </c>
      <c r="M1347" s="43" t="s">
        <v>6157</v>
      </c>
      <c r="N1347" s="16" t="s">
        <v>9287</v>
      </c>
      <c r="O1347" s="19">
        <v>2004</v>
      </c>
      <c r="P1347" s="19" t="s">
        <v>4103</v>
      </c>
      <c r="Q1347" s="49" t="s">
        <v>10660</v>
      </c>
      <c r="R1347" s="23">
        <v>45065</v>
      </c>
    </row>
    <row r="1348" spans="1:18" ht="14.4" customHeight="1" x14ac:dyDescent="0.2">
      <c r="A1348" s="42" t="s">
        <v>8807</v>
      </c>
      <c r="B1348" s="10" t="s">
        <v>5687</v>
      </c>
      <c r="C1348" s="16">
        <v>5</v>
      </c>
      <c r="D1348" s="16">
        <v>513</v>
      </c>
      <c r="E1348" s="16">
        <v>1505</v>
      </c>
      <c r="F1348" s="43" t="s">
        <v>5753</v>
      </c>
      <c r="G1348" s="26" t="s">
        <v>7474</v>
      </c>
      <c r="H1348" s="43" t="s">
        <v>9055</v>
      </c>
      <c r="I1348" s="43" t="s">
        <v>5927</v>
      </c>
      <c r="J1348" s="19">
        <v>35.538667629999999</v>
      </c>
      <c r="K1348" s="19">
        <v>139.39938198999999</v>
      </c>
      <c r="L1348" s="43" t="s">
        <v>6158</v>
      </c>
      <c r="M1348" s="43" t="s">
        <v>6159</v>
      </c>
      <c r="N1348" s="16" t="s">
        <v>10017</v>
      </c>
      <c r="O1348" s="19">
        <v>1974</v>
      </c>
      <c r="P1348" s="19" t="s">
        <v>4103</v>
      </c>
      <c r="Q1348" s="41" t="s">
        <v>5852</v>
      </c>
      <c r="R1348" s="23">
        <v>45065</v>
      </c>
    </row>
    <row r="1349" spans="1:18" ht="14.4" customHeight="1" x14ac:dyDescent="0.2">
      <c r="A1349" s="42" t="s">
        <v>8808</v>
      </c>
      <c r="B1349" s="10" t="s">
        <v>5687</v>
      </c>
      <c r="C1349" s="16">
        <v>5</v>
      </c>
      <c r="D1349" s="16">
        <v>513</v>
      </c>
      <c r="E1349" s="16">
        <v>1505</v>
      </c>
      <c r="F1349" s="43" t="s">
        <v>5754</v>
      </c>
      <c r="G1349" s="26" t="s">
        <v>7475</v>
      </c>
      <c r="H1349" s="43" t="s">
        <v>7606</v>
      </c>
      <c r="I1349" s="43" t="s">
        <v>5928</v>
      </c>
      <c r="J1349" s="19">
        <v>35.524851230000003</v>
      </c>
      <c r="K1349" s="19">
        <v>139.45533377999999</v>
      </c>
      <c r="L1349" s="43" t="s">
        <v>6160</v>
      </c>
      <c r="M1349" s="43" t="s">
        <v>6161</v>
      </c>
      <c r="N1349" s="16" t="s">
        <v>9288</v>
      </c>
      <c r="O1349" s="19">
        <v>1977</v>
      </c>
      <c r="P1349" s="19" t="s">
        <v>4103</v>
      </c>
      <c r="Q1349" s="41" t="s">
        <v>5852</v>
      </c>
      <c r="R1349" s="23">
        <v>45065</v>
      </c>
    </row>
    <row r="1350" spans="1:18" ht="14.4" customHeight="1" x14ac:dyDescent="0.2">
      <c r="A1350" s="42" t="s">
        <v>8809</v>
      </c>
      <c r="B1350" s="10" t="s">
        <v>5687</v>
      </c>
      <c r="C1350" s="16">
        <v>5</v>
      </c>
      <c r="D1350" s="16">
        <v>513</v>
      </c>
      <c r="E1350" s="16">
        <v>1505</v>
      </c>
      <c r="F1350" s="43" t="s">
        <v>5755</v>
      </c>
      <c r="G1350" s="26" t="s">
        <v>7476</v>
      </c>
      <c r="H1350" s="43" t="s">
        <v>926</v>
      </c>
      <c r="I1350" s="43" t="s">
        <v>5929</v>
      </c>
      <c r="J1350" s="19">
        <v>35.256663260000003</v>
      </c>
      <c r="K1350" s="19">
        <v>139.67020681</v>
      </c>
      <c r="L1350" s="43" t="s">
        <v>6162</v>
      </c>
      <c r="M1350" s="43" t="s">
        <v>6163</v>
      </c>
      <c r="N1350" s="16" t="s">
        <v>9289</v>
      </c>
      <c r="O1350" s="19">
        <v>1908</v>
      </c>
      <c r="P1350" s="19" t="s">
        <v>4103</v>
      </c>
      <c r="Q1350" s="41" t="s">
        <v>5855</v>
      </c>
      <c r="R1350" s="23">
        <v>45065</v>
      </c>
    </row>
    <row r="1351" spans="1:18" ht="14.4" customHeight="1" x14ac:dyDescent="0.2">
      <c r="A1351" s="42" t="s">
        <v>8810</v>
      </c>
      <c r="B1351" s="10" t="s">
        <v>5687</v>
      </c>
      <c r="C1351" s="16">
        <v>5</v>
      </c>
      <c r="D1351" s="16">
        <v>513</v>
      </c>
      <c r="E1351" s="16">
        <v>1505</v>
      </c>
      <c r="F1351" s="43" t="s">
        <v>5756</v>
      </c>
      <c r="G1351" s="26" t="s">
        <v>7477</v>
      </c>
      <c r="H1351" s="43" t="s">
        <v>938</v>
      </c>
      <c r="I1351" s="43" t="s">
        <v>5930</v>
      </c>
      <c r="J1351" s="19">
        <v>35.258946559999998</v>
      </c>
      <c r="K1351" s="19">
        <v>139.69213417</v>
      </c>
      <c r="L1351" s="43" t="s">
        <v>6164</v>
      </c>
      <c r="M1351" s="43" t="s">
        <v>6165</v>
      </c>
      <c r="N1351" s="16" t="s">
        <v>9290</v>
      </c>
      <c r="O1351" s="19">
        <v>1964</v>
      </c>
      <c r="P1351" s="19" t="s">
        <v>4103</v>
      </c>
      <c r="Q1351" s="41" t="s">
        <v>5852</v>
      </c>
      <c r="R1351" s="23">
        <v>45065</v>
      </c>
    </row>
    <row r="1352" spans="1:18" ht="14.4" customHeight="1" x14ac:dyDescent="0.2">
      <c r="A1352" s="42" t="s">
        <v>8811</v>
      </c>
      <c r="B1352" s="11" t="s">
        <v>5687</v>
      </c>
      <c r="C1352" s="40">
        <v>5</v>
      </c>
      <c r="D1352" s="40">
        <v>513</v>
      </c>
      <c r="E1352" s="40">
        <v>1505</v>
      </c>
      <c r="F1352" s="43" t="s">
        <v>5757</v>
      </c>
      <c r="G1352" s="26" t="s">
        <v>7478</v>
      </c>
      <c r="H1352" s="43" t="s">
        <v>926</v>
      </c>
      <c r="I1352" s="43" t="s">
        <v>5931</v>
      </c>
      <c r="J1352" s="39">
        <v>35.254431689999997</v>
      </c>
      <c r="K1352" s="39">
        <v>139.67690332999999</v>
      </c>
      <c r="L1352" s="43" t="s">
        <v>6166</v>
      </c>
      <c r="M1352" s="43" t="s">
        <v>6167</v>
      </c>
      <c r="N1352" s="16" t="s">
        <v>9291</v>
      </c>
      <c r="O1352" s="39">
        <v>1941</v>
      </c>
      <c r="P1352" s="39" t="s">
        <v>4103</v>
      </c>
      <c r="Q1352" s="49" t="s">
        <v>10669</v>
      </c>
      <c r="R1352" s="23">
        <v>45065</v>
      </c>
    </row>
    <row r="1353" spans="1:18" ht="14.4" customHeight="1" x14ac:dyDescent="0.2">
      <c r="A1353" s="42" t="s">
        <v>8812</v>
      </c>
      <c r="B1353" s="11" t="s">
        <v>5687</v>
      </c>
      <c r="C1353" s="40">
        <v>5</v>
      </c>
      <c r="D1353" s="40">
        <v>513</v>
      </c>
      <c r="E1353" s="40">
        <v>1505</v>
      </c>
      <c r="F1353" s="43" t="s">
        <v>5758</v>
      </c>
      <c r="G1353" s="26" t="s">
        <v>7479</v>
      </c>
      <c r="H1353" s="43" t="s">
        <v>5833</v>
      </c>
      <c r="I1353" s="43" t="s">
        <v>5932</v>
      </c>
      <c r="J1353" s="39">
        <v>35.221526099999998</v>
      </c>
      <c r="K1353" s="39">
        <v>139.62858410999999</v>
      </c>
      <c r="L1353" s="43" t="s">
        <v>6168</v>
      </c>
      <c r="M1353" s="43" t="s">
        <v>6169</v>
      </c>
      <c r="N1353" s="16" t="s">
        <v>10018</v>
      </c>
      <c r="O1353" s="39">
        <v>2008</v>
      </c>
      <c r="P1353" s="39" t="s">
        <v>4103</v>
      </c>
      <c r="Q1353" s="49" t="s">
        <v>10670</v>
      </c>
      <c r="R1353" s="23">
        <v>45065</v>
      </c>
    </row>
    <row r="1354" spans="1:18" ht="14.4" customHeight="1" x14ac:dyDescent="0.2">
      <c r="A1354" s="42" t="s">
        <v>8813</v>
      </c>
      <c r="B1354" s="10" t="s">
        <v>5687</v>
      </c>
      <c r="C1354" s="16">
        <v>5</v>
      </c>
      <c r="D1354" s="16">
        <v>513</v>
      </c>
      <c r="E1354" s="16">
        <v>1505</v>
      </c>
      <c r="F1354" s="43" t="s">
        <v>5759</v>
      </c>
      <c r="G1354" s="26" t="s">
        <v>7480</v>
      </c>
      <c r="H1354" s="43" t="s">
        <v>1690</v>
      </c>
      <c r="I1354" s="43" t="s">
        <v>5933</v>
      </c>
      <c r="J1354" s="19">
        <v>35.320214180000001</v>
      </c>
      <c r="K1354" s="19">
        <v>139.63315233</v>
      </c>
      <c r="L1354" s="43" t="s">
        <v>6170</v>
      </c>
      <c r="M1354" s="43" t="s">
        <v>6171</v>
      </c>
      <c r="N1354" s="16" t="s">
        <v>9292</v>
      </c>
      <c r="O1354" s="19">
        <v>1962</v>
      </c>
      <c r="P1354" s="19" t="s">
        <v>4103</v>
      </c>
      <c r="Q1354" s="41" t="s">
        <v>5855</v>
      </c>
      <c r="R1354" s="23">
        <v>45065</v>
      </c>
    </row>
    <row r="1355" spans="1:18" ht="14.4" customHeight="1" x14ac:dyDescent="0.2">
      <c r="A1355" s="42" t="s">
        <v>8814</v>
      </c>
      <c r="B1355" s="10" t="s">
        <v>5687</v>
      </c>
      <c r="C1355" s="16">
        <v>5</v>
      </c>
      <c r="D1355" s="16">
        <v>513</v>
      </c>
      <c r="E1355" s="16">
        <v>1505</v>
      </c>
      <c r="F1355" s="43" t="s">
        <v>5760</v>
      </c>
      <c r="G1355" s="26" t="s">
        <v>7481</v>
      </c>
      <c r="H1355" s="43" t="s">
        <v>971</v>
      </c>
      <c r="I1355" s="43" t="s">
        <v>5934</v>
      </c>
      <c r="J1355" s="19">
        <v>35.20022299</v>
      </c>
      <c r="K1355" s="19">
        <v>139.66349080000001</v>
      </c>
      <c r="L1355" s="43" t="s">
        <v>6172</v>
      </c>
      <c r="M1355" s="43" t="s">
        <v>6173</v>
      </c>
      <c r="N1355" s="16" t="s">
        <v>9293</v>
      </c>
      <c r="O1355" s="19">
        <v>1976</v>
      </c>
      <c r="P1355" s="19" t="s">
        <v>4103</v>
      </c>
      <c r="Q1355" s="41" t="s">
        <v>5852</v>
      </c>
      <c r="R1355" s="23">
        <v>45065</v>
      </c>
    </row>
    <row r="1356" spans="1:18" ht="14.4" customHeight="1" x14ac:dyDescent="0.2">
      <c r="A1356" s="42" t="s">
        <v>8815</v>
      </c>
      <c r="B1356" s="11" t="s">
        <v>5687</v>
      </c>
      <c r="C1356" s="40">
        <v>5</v>
      </c>
      <c r="D1356" s="40">
        <v>513</v>
      </c>
      <c r="E1356" s="40">
        <v>1505</v>
      </c>
      <c r="F1356" s="43" t="s">
        <v>9294</v>
      </c>
      <c r="G1356" s="26" t="s">
        <v>10118</v>
      </c>
      <c r="H1356" s="43" t="s">
        <v>5834</v>
      </c>
      <c r="I1356" s="43" t="s">
        <v>5935</v>
      </c>
      <c r="J1356" s="39">
        <v>35.237009909999998</v>
      </c>
      <c r="K1356" s="39">
        <v>139.68891590999999</v>
      </c>
      <c r="L1356" s="43" t="s">
        <v>6174</v>
      </c>
      <c r="M1356" s="43" t="s">
        <v>6175</v>
      </c>
      <c r="N1356" s="20" t="s">
        <v>10133</v>
      </c>
      <c r="O1356" s="39">
        <v>2019</v>
      </c>
      <c r="P1356" s="39" t="s">
        <v>4103</v>
      </c>
      <c r="Q1356" s="49" t="s">
        <v>10661</v>
      </c>
      <c r="R1356" s="23">
        <v>45065</v>
      </c>
    </row>
    <row r="1357" spans="1:18" ht="14.4" customHeight="1" x14ac:dyDescent="0.2">
      <c r="A1357" s="42" t="s">
        <v>8816</v>
      </c>
      <c r="B1357" s="10" t="s">
        <v>5687</v>
      </c>
      <c r="C1357" s="16">
        <v>5</v>
      </c>
      <c r="D1357" s="16">
        <v>513</v>
      </c>
      <c r="E1357" s="16">
        <v>1505</v>
      </c>
      <c r="F1357" s="43" t="s">
        <v>5761</v>
      </c>
      <c r="G1357" s="26" t="s">
        <v>7482</v>
      </c>
      <c r="H1357" s="43" t="s">
        <v>5835</v>
      </c>
      <c r="I1357" s="43" t="s">
        <v>5936</v>
      </c>
      <c r="J1357" s="19">
        <v>35.338907560000003</v>
      </c>
      <c r="K1357" s="19">
        <v>139.3353382</v>
      </c>
      <c r="L1357" s="43" t="s">
        <v>6176</v>
      </c>
      <c r="M1357" s="43" t="s">
        <v>6177</v>
      </c>
      <c r="N1357" s="16" t="s">
        <v>9295</v>
      </c>
      <c r="O1357" s="19">
        <v>1920</v>
      </c>
      <c r="P1357" s="19" t="s">
        <v>4103</v>
      </c>
      <c r="Q1357" s="41" t="s">
        <v>5852</v>
      </c>
      <c r="R1357" s="23">
        <v>45065</v>
      </c>
    </row>
    <row r="1358" spans="1:18" ht="14.4" customHeight="1" x14ac:dyDescent="0.2">
      <c r="A1358" s="42" t="s">
        <v>8817</v>
      </c>
      <c r="B1358" s="11" t="s">
        <v>5687</v>
      </c>
      <c r="C1358" s="40">
        <v>5</v>
      </c>
      <c r="D1358" s="40">
        <v>513</v>
      </c>
      <c r="E1358" s="40">
        <v>1505</v>
      </c>
      <c r="F1358" s="43" t="s">
        <v>9296</v>
      </c>
      <c r="G1358" s="26" t="s">
        <v>10119</v>
      </c>
      <c r="H1358" s="43" t="s">
        <v>5836</v>
      </c>
      <c r="I1358" s="43" t="s">
        <v>10120</v>
      </c>
      <c r="J1358" s="39">
        <v>35.333807040000003</v>
      </c>
      <c r="K1358" s="39">
        <v>139.32868096999999</v>
      </c>
      <c r="L1358" s="43" t="s">
        <v>6178</v>
      </c>
      <c r="M1358" s="43" t="s">
        <v>6179</v>
      </c>
      <c r="N1358" s="20" t="s">
        <v>10019</v>
      </c>
      <c r="O1358" s="39">
        <v>2019</v>
      </c>
      <c r="P1358" s="39" t="s">
        <v>4103</v>
      </c>
      <c r="Q1358" s="49" t="s">
        <v>10671</v>
      </c>
      <c r="R1358" s="23">
        <v>45065</v>
      </c>
    </row>
    <row r="1359" spans="1:18" ht="14.4" customHeight="1" x14ac:dyDescent="0.2">
      <c r="A1359" s="42" t="s">
        <v>8818</v>
      </c>
      <c r="B1359" s="10" t="s">
        <v>5687</v>
      </c>
      <c r="C1359" s="16">
        <v>5</v>
      </c>
      <c r="D1359" s="16">
        <v>513</v>
      </c>
      <c r="E1359" s="16">
        <v>1505</v>
      </c>
      <c r="F1359" s="43" t="s">
        <v>7800</v>
      </c>
      <c r="G1359" s="26" t="s">
        <v>7483</v>
      </c>
      <c r="H1359" s="43" t="s">
        <v>5837</v>
      </c>
      <c r="I1359" s="43" t="s">
        <v>5937</v>
      </c>
      <c r="J1359" s="19">
        <v>35.321326050000003</v>
      </c>
      <c r="K1359" s="19">
        <v>139.33794176999999</v>
      </c>
      <c r="L1359" s="43" t="s">
        <v>6180</v>
      </c>
      <c r="M1359" s="43" t="s">
        <v>6181</v>
      </c>
      <c r="N1359" s="16" t="s">
        <v>9297</v>
      </c>
      <c r="O1359" s="19">
        <v>2002</v>
      </c>
      <c r="P1359" s="19" t="s">
        <v>4103</v>
      </c>
      <c r="Q1359" s="41" t="s">
        <v>5861</v>
      </c>
      <c r="R1359" s="23">
        <v>45065</v>
      </c>
    </row>
    <row r="1360" spans="1:18" ht="14.4" customHeight="1" x14ac:dyDescent="0.2">
      <c r="A1360" s="42" t="s">
        <v>8819</v>
      </c>
      <c r="B1360" s="10" t="s">
        <v>5687</v>
      </c>
      <c r="C1360" s="16">
        <v>5</v>
      </c>
      <c r="D1360" s="16">
        <v>513</v>
      </c>
      <c r="E1360" s="16">
        <v>1505</v>
      </c>
      <c r="F1360" s="43" t="s">
        <v>5762</v>
      </c>
      <c r="G1360" s="26" t="s">
        <v>7484</v>
      </c>
      <c r="H1360" s="43" t="s">
        <v>1694</v>
      </c>
      <c r="I1360" s="43" t="s">
        <v>5938</v>
      </c>
      <c r="J1360" s="19">
        <v>35.320559500000002</v>
      </c>
      <c r="K1360" s="19">
        <v>139.35723927000001</v>
      </c>
      <c r="L1360" s="43" t="s">
        <v>6182</v>
      </c>
      <c r="M1360" s="43" t="s">
        <v>6183</v>
      </c>
      <c r="N1360" s="16" t="s">
        <v>10020</v>
      </c>
      <c r="O1360" s="19">
        <v>1934</v>
      </c>
      <c r="P1360" s="19" t="s">
        <v>4103</v>
      </c>
      <c r="Q1360" s="49" t="s">
        <v>10662</v>
      </c>
      <c r="R1360" s="23">
        <v>45065</v>
      </c>
    </row>
    <row r="1361" spans="1:18" ht="14.4" customHeight="1" x14ac:dyDescent="0.2">
      <c r="A1361" s="42" t="s">
        <v>8820</v>
      </c>
      <c r="B1361" s="10" t="s">
        <v>5687</v>
      </c>
      <c r="C1361" s="16">
        <v>5</v>
      </c>
      <c r="D1361" s="16">
        <v>513</v>
      </c>
      <c r="E1361" s="16">
        <v>1505</v>
      </c>
      <c r="F1361" s="43" t="s">
        <v>5763</v>
      </c>
      <c r="G1361" s="26" t="s">
        <v>7485</v>
      </c>
      <c r="H1361" s="43" t="s">
        <v>1001</v>
      </c>
      <c r="I1361" s="43" t="s">
        <v>5939</v>
      </c>
      <c r="J1361" s="19">
        <v>35.372533939999997</v>
      </c>
      <c r="K1361" s="19">
        <v>139.35825593999999</v>
      </c>
      <c r="L1361" s="43" t="s">
        <v>6184</v>
      </c>
      <c r="M1361" s="43" t="s">
        <v>6185</v>
      </c>
      <c r="N1361" s="16" t="s">
        <v>9298</v>
      </c>
      <c r="O1361" s="19">
        <v>2009</v>
      </c>
      <c r="P1361" s="19" t="s">
        <v>4103</v>
      </c>
      <c r="Q1361" s="41" t="s">
        <v>5854</v>
      </c>
      <c r="R1361" s="23">
        <v>45065</v>
      </c>
    </row>
    <row r="1362" spans="1:18" ht="14.4" customHeight="1" x14ac:dyDescent="0.2">
      <c r="A1362" s="42" t="s">
        <v>8821</v>
      </c>
      <c r="B1362" s="10" t="s">
        <v>5687</v>
      </c>
      <c r="C1362" s="16">
        <v>5</v>
      </c>
      <c r="D1362" s="16">
        <v>513</v>
      </c>
      <c r="E1362" s="16">
        <v>1505</v>
      </c>
      <c r="F1362" s="43" t="s">
        <v>5764</v>
      </c>
      <c r="G1362" s="26" t="s">
        <v>7486</v>
      </c>
      <c r="H1362" s="43" t="s">
        <v>5838</v>
      </c>
      <c r="I1362" s="43" t="s">
        <v>5940</v>
      </c>
      <c r="J1362" s="19">
        <v>35.308389169999998</v>
      </c>
      <c r="K1362" s="19">
        <v>139.50397422</v>
      </c>
      <c r="L1362" s="43" t="s">
        <v>6186</v>
      </c>
      <c r="M1362" s="43" t="s">
        <v>6187</v>
      </c>
      <c r="N1362" s="16" t="s">
        <v>9299</v>
      </c>
      <c r="O1362" s="19">
        <v>1928</v>
      </c>
      <c r="P1362" s="19" t="s">
        <v>4103</v>
      </c>
      <c r="Q1362" s="41" t="s">
        <v>5852</v>
      </c>
      <c r="R1362" s="23">
        <v>45065</v>
      </c>
    </row>
    <row r="1363" spans="1:18" ht="14.4" customHeight="1" x14ac:dyDescent="0.2">
      <c r="A1363" s="42" t="s">
        <v>8822</v>
      </c>
      <c r="B1363" s="10" t="s">
        <v>5687</v>
      </c>
      <c r="C1363" s="16">
        <v>5</v>
      </c>
      <c r="D1363" s="16">
        <v>513</v>
      </c>
      <c r="E1363" s="16">
        <v>1505</v>
      </c>
      <c r="F1363" s="43" t="s">
        <v>5765</v>
      </c>
      <c r="G1363" s="26" t="s">
        <v>7487</v>
      </c>
      <c r="H1363" s="43" t="s">
        <v>1062</v>
      </c>
      <c r="I1363" s="43" t="s">
        <v>5941</v>
      </c>
      <c r="J1363" s="19">
        <v>35.305212670000003</v>
      </c>
      <c r="K1363" s="19">
        <v>139.5128072</v>
      </c>
      <c r="L1363" s="43" t="s">
        <v>6188</v>
      </c>
      <c r="M1363" s="43" t="s">
        <v>6189</v>
      </c>
      <c r="N1363" s="16" t="s">
        <v>9300</v>
      </c>
      <c r="O1363" s="19">
        <v>1976</v>
      </c>
      <c r="P1363" s="19" t="s">
        <v>4103</v>
      </c>
      <c r="Q1363" s="41" t="s">
        <v>5852</v>
      </c>
      <c r="R1363" s="23">
        <v>45065</v>
      </c>
    </row>
    <row r="1364" spans="1:18" ht="14.4" customHeight="1" x14ac:dyDescent="0.2">
      <c r="A1364" s="42" t="s">
        <v>8823</v>
      </c>
      <c r="B1364" s="10" t="s">
        <v>5687</v>
      </c>
      <c r="C1364" s="16">
        <v>5</v>
      </c>
      <c r="D1364" s="16">
        <v>513</v>
      </c>
      <c r="E1364" s="16">
        <v>1505</v>
      </c>
      <c r="F1364" s="43" t="s">
        <v>5766</v>
      </c>
      <c r="G1364" s="26" t="s">
        <v>7488</v>
      </c>
      <c r="H1364" s="43" t="s">
        <v>5839</v>
      </c>
      <c r="I1364" s="43" t="s">
        <v>5942</v>
      </c>
      <c r="J1364" s="19">
        <v>35.345100629999997</v>
      </c>
      <c r="K1364" s="19">
        <v>139.54785576</v>
      </c>
      <c r="L1364" s="43" t="s">
        <v>6190</v>
      </c>
      <c r="M1364" s="43" t="s">
        <v>6191</v>
      </c>
      <c r="N1364" s="16" t="s">
        <v>9301</v>
      </c>
      <c r="O1364" s="19">
        <v>1983</v>
      </c>
      <c r="P1364" s="19" t="s">
        <v>4103</v>
      </c>
      <c r="Q1364" s="41" t="s">
        <v>5852</v>
      </c>
      <c r="R1364" s="23">
        <v>45065</v>
      </c>
    </row>
    <row r="1365" spans="1:18" ht="14.4" customHeight="1" x14ac:dyDescent="0.2">
      <c r="A1365" s="42" t="s">
        <v>8824</v>
      </c>
      <c r="B1365" s="10" t="s">
        <v>5687</v>
      </c>
      <c r="C1365" s="16">
        <v>5</v>
      </c>
      <c r="D1365" s="16">
        <v>513</v>
      </c>
      <c r="E1365" s="16">
        <v>1505</v>
      </c>
      <c r="F1365" s="43" t="s">
        <v>5767</v>
      </c>
      <c r="G1365" s="26" t="s">
        <v>7489</v>
      </c>
      <c r="H1365" s="43" t="s">
        <v>1707</v>
      </c>
      <c r="I1365" s="43" t="s">
        <v>5943</v>
      </c>
      <c r="J1365" s="19">
        <v>35.330382139999998</v>
      </c>
      <c r="K1365" s="19">
        <v>139.50343849999999</v>
      </c>
      <c r="L1365" s="43" t="s">
        <v>6192</v>
      </c>
      <c r="M1365" s="43" t="s">
        <v>6193</v>
      </c>
      <c r="N1365" s="16" t="s">
        <v>9302</v>
      </c>
      <c r="O1365" s="19">
        <v>1986</v>
      </c>
      <c r="P1365" s="19" t="s">
        <v>4103</v>
      </c>
      <c r="Q1365" s="41" t="s">
        <v>5852</v>
      </c>
      <c r="R1365" s="23">
        <v>45065</v>
      </c>
    </row>
    <row r="1366" spans="1:18" ht="14.4" customHeight="1" x14ac:dyDescent="0.2">
      <c r="A1366" s="42" t="s">
        <v>8825</v>
      </c>
      <c r="B1366" s="10" t="s">
        <v>5687</v>
      </c>
      <c r="C1366" s="16">
        <v>5</v>
      </c>
      <c r="D1366" s="16">
        <v>513</v>
      </c>
      <c r="E1366" s="16">
        <v>1505</v>
      </c>
      <c r="F1366" s="43" t="s">
        <v>5768</v>
      </c>
      <c r="G1366" s="26" t="s">
        <v>7490</v>
      </c>
      <c r="H1366" s="43" t="s">
        <v>1709</v>
      </c>
      <c r="I1366" s="43" t="s">
        <v>5944</v>
      </c>
      <c r="J1366" s="19">
        <v>35.344647299999998</v>
      </c>
      <c r="K1366" s="19">
        <v>139.47254315000001</v>
      </c>
      <c r="L1366" s="43" t="s">
        <v>6194</v>
      </c>
      <c r="M1366" s="43" t="s">
        <v>6195</v>
      </c>
      <c r="N1366" s="16" t="s">
        <v>10021</v>
      </c>
      <c r="O1366" s="19">
        <v>1920</v>
      </c>
      <c r="P1366" s="19" t="s">
        <v>4103</v>
      </c>
      <c r="Q1366" s="41" t="s">
        <v>10663</v>
      </c>
      <c r="R1366" s="23">
        <v>45065</v>
      </c>
    </row>
    <row r="1367" spans="1:18" ht="14.4" customHeight="1" x14ac:dyDescent="0.2">
      <c r="A1367" s="42" t="s">
        <v>8826</v>
      </c>
      <c r="B1367" s="10" t="s">
        <v>5687</v>
      </c>
      <c r="C1367" s="16">
        <v>5</v>
      </c>
      <c r="D1367" s="16">
        <v>513</v>
      </c>
      <c r="E1367" s="16">
        <v>1505</v>
      </c>
      <c r="F1367" s="43" t="s">
        <v>5769</v>
      </c>
      <c r="G1367" s="26" t="s">
        <v>7491</v>
      </c>
      <c r="H1367" s="43" t="s">
        <v>1111</v>
      </c>
      <c r="I1367" s="43" t="s">
        <v>5945</v>
      </c>
      <c r="J1367" s="19">
        <v>35.35695956</v>
      </c>
      <c r="K1367" s="19">
        <v>139.44188996</v>
      </c>
      <c r="L1367" s="43" t="s">
        <v>6196</v>
      </c>
      <c r="M1367" s="43" t="s">
        <v>6197</v>
      </c>
      <c r="N1367" s="16" t="s">
        <v>9303</v>
      </c>
      <c r="O1367" s="19">
        <v>1974</v>
      </c>
      <c r="P1367" s="19" t="s">
        <v>4103</v>
      </c>
      <c r="Q1367" s="41" t="s">
        <v>5852</v>
      </c>
      <c r="R1367" s="23">
        <v>45065</v>
      </c>
    </row>
    <row r="1368" spans="1:18" ht="14.4" customHeight="1" x14ac:dyDescent="0.2">
      <c r="A1368" s="42" t="s">
        <v>8827</v>
      </c>
      <c r="B1368" s="10" t="s">
        <v>5687</v>
      </c>
      <c r="C1368" s="16">
        <v>5</v>
      </c>
      <c r="D1368" s="16">
        <v>513</v>
      </c>
      <c r="E1368" s="16">
        <v>1505</v>
      </c>
      <c r="F1368" s="43" t="s">
        <v>5770</v>
      </c>
      <c r="G1368" s="26" t="s">
        <v>7492</v>
      </c>
      <c r="H1368" s="43" t="s">
        <v>5840</v>
      </c>
      <c r="I1368" s="43" t="s">
        <v>5946</v>
      </c>
      <c r="J1368" s="19">
        <v>35.390004769999997</v>
      </c>
      <c r="K1368" s="19">
        <v>139.47794241</v>
      </c>
      <c r="L1368" s="43" t="s">
        <v>6198</v>
      </c>
      <c r="M1368" s="43" t="s">
        <v>6199</v>
      </c>
      <c r="N1368" s="16" t="s">
        <v>9304</v>
      </c>
      <c r="O1368" s="19">
        <v>2002</v>
      </c>
      <c r="P1368" s="19" t="s">
        <v>4103</v>
      </c>
      <c r="Q1368" s="41" t="s">
        <v>5861</v>
      </c>
      <c r="R1368" s="23">
        <v>45065</v>
      </c>
    </row>
    <row r="1369" spans="1:18" ht="14.4" customHeight="1" x14ac:dyDescent="0.2">
      <c r="A1369" s="42" t="s">
        <v>8828</v>
      </c>
      <c r="B1369" s="10" t="s">
        <v>5687</v>
      </c>
      <c r="C1369" s="16">
        <v>5</v>
      </c>
      <c r="D1369" s="16">
        <v>513</v>
      </c>
      <c r="E1369" s="16">
        <v>1505</v>
      </c>
      <c r="F1369" s="43" t="s">
        <v>5771</v>
      </c>
      <c r="G1369" s="26" t="s">
        <v>7493</v>
      </c>
      <c r="H1369" s="43" t="s">
        <v>1121</v>
      </c>
      <c r="I1369" s="43" t="s">
        <v>5947</v>
      </c>
      <c r="J1369" s="19">
        <v>35.355358189999997</v>
      </c>
      <c r="K1369" s="19">
        <v>139.48362148999999</v>
      </c>
      <c r="L1369" s="43" t="s">
        <v>6200</v>
      </c>
      <c r="M1369" s="43" t="s">
        <v>6201</v>
      </c>
      <c r="N1369" s="16" t="s">
        <v>10022</v>
      </c>
      <c r="O1369" s="19">
        <v>2010</v>
      </c>
      <c r="P1369" s="19" t="s">
        <v>4103</v>
      </c>
      <c r="Q1369" s="41" t="s">
        <v>5854</v>
      </c>
      <c r="R1369" s="23">
        <v>45065</v>
      </c>
    </row>
    <row r="1370" spans="1:18" ht="14.4" customHeight="1" x14ac:dyDescent="0.2">
      <c r="A1370" s="42" t="s">
        <v>8829</v>
      </c>
      <c r="B1370" s="10" t="s">
        <v>5687</v>
      </c>
      <c r="C1370" s="16">
        <v>5</v>
      </c>
      <c r="D1370" s="16">
        <v>513</v>
      </c>
      <c r="E1370" s="16">
        <v>1505</v>
      </c>
      <c r="F1370" s="43" t="s">
        <v>5772</v>
      </c>
      <c r="G1370" s="26" t="s">
        <v>7494</v>
      </c>
      <c r="H1370" s="43" t="s">
        <v>1091</v>
      </c>
      <c r="I1370" s="43" t="s">
        <v>5948</v>
      </c>
      <c r="J1370" s="19">
        <v>35.4152998</v>
      </c>
      <c r="K1370" s="19">
        <v>139.45805049000001</v>
      </c>
      <c r="L1370" s="43" t="s">
        <v>6202</v>
      </c>
      <c r="M1370" s="43" t="s">
        <v>6203</v>
      </c>
      <c r="N1370" s="16" t="s">
        <v>9305</v>
      </c>
      <c r="O1370" s="19">
        <v>2003</v>
      </c>
      <c r="P1370" s="19" t="s">
        <v>4103</v>
      </c>
      <c r="Q1370" s="41" t="s">
        <v>5853</v>
      </c>
      <c r="R1370" s="23">
        <v>45065</v>
      </c>
    </row>
    <row r="1371" spans="1:18" ht="14.4" customHeight="1" x14ac:dyDescent="0.2">
      <c r="A1371" s="42" t="s">
        <v>8830</v>
      </c>
      <c r="B1371" s="10" t="s">
        <v>5687</v>
      </c>
      <c r="C1371" s="16">
        <v>5</v>
      </c>
      <c r="D1371" s="16">
        <v>513</v>
      </c>
      <c r="E1371" s="16">
        <v>1505</v>
      </c>
      <c r="F1371" s="43" t="s">
        <v>5773</v>
      </c>
      <c r="G1371" s="26" t="s">
        <v>7495</v>
      </c>
      <c r="H1371" s="43" t="s">
        <v>5841</v>
      </c>
      <c r="I1371" s="43" t="s">
        <v>5949</v>
      </c>
      <c r="J1371" s="19">
        <v>35.398101259999997</v>
      </c>
      <c r="K1371" s="19">
        <v>139.46021569000001</v>
      </c>
      <c r="L1371" s="43" t="s">
        <v>6204</v>
      </c>
      <c r="M1371" s="43" t="s">
        <v>6205</v>
      </c>
      <c r="N1371" s="16" t="s">
        <v>9306</v>
      </c>
      <c r="O1371" s="19">
        <v>1985</v>
      </c>
      <c r="P1371" s="19" t="s">
        <v>4103</v>
      </c>
      <c r="Q1371" s="41" t="s">
        <v>5852</v>
      </c>
      <c r="R1371" s="23">
        <v>45065</v>
      </c>
    </row>
    <row r="1372" spans="1:18" ht="14.4" customHeight="1" x14ac:dyDescent="0.2">
      <c r="A1372" s="42" t="s">
        <v>8831</v>
      </c>
      <c r="B1372" s="10" t="s">
        <v>5687</v>
      </c>
      <c r="C1372" s="16">
        <v>5</v>
      </c>
      <c r="D1372" s="16">
        <v>513</v>
      </c>
      <c r="E1372" s="16">
        <v>1505</v>
      </c>
      <c r="F1372" s="43" t="s">
        <v>5774</v>
      </c>
      <c r="G1372" s="26" t="s">
        <v>7496</v>
      </c>
      <c r="H1372" s="43" t="s">
        <v>1721</v>
      </c>
      <c r="I1372" s="43" t="s">
        <v>5950</v>
      </c>
      <c r="J1372" s="19">
        <v>35.253408749999998</v>
      </c>
      <c r="K1372" s="19">
        <v>139.14791933999999</v>
      </c>
      <c r="L1372" s="43" t="s">
        <v>6206</v>
      </c>
      <c r="M1372" s="43" t="s">
        <v>6207</v>
      </c>
      <c r="N1372" s="16" t="s">
        <v>9307</v>
      </c>
      <c r="O1372" s="19">
        <v>1901</v>
      </c>
      <c r="P1372" s="19" t="s">
        <v>4103</v>
      </c>
      <c r="Q1372" s="41" t="s">
        <v>10664</v>
      </c>
      <c r="R1372" s="23">
        <v>45065</v>
      </c>
    </row>
    <row r="1373" spans="1:18" ht="14.4" customHeight="1" x14ac:dyDescent="0.2">
      <c r="A1373" s="42" t="s">
        <v>8832</v>
      </c>
      <c r="B1373" s="10" t="s">
        <v>5687</v>
      </c>
      <c r="C1373" s="16">
        <v>5</v>
      </c>
      <c r="D1373" s="16">
        <v>513</v>
      </c>
      <c r="E1373" s="16">
        <v>1505</v>
      </c>
      <c r="F1373" s="43" t="s">
        <v>5775</v>
      </c>
      <c r="G1373" s="26" t="s">
        <v>7497</v>
      </c>
      <c r="H1373" s="43" t="s">
        <v>1143</v>
      </c>
      <c r="I1373" s="43" t="s">
        <v>5951</v>
      </c>
      <c r="J1373" s="19">
        <v>35.260336969999997</v>
      </c>
      <c r="K1373" s="19">
        <v>139.17944739999999</v>
      </c>
      <c r="L1373" s="43" t="s">
        <v>6208</v>
      </c>
      <c r="M1373" s="43" t="s">
        <v>6209</v>
      </c>
      <c r="N1373" s="16" t="s">
        <v>9308</v>
      </c>
      <c r="O1373" s="19">
        <v>2016</v>
      </c>
      <c r="P1373" s="19" t="s">
        <v>4103</v>
      </c>
      <c r="Q1373" s="41" t="s">
        <v>5863</v>
      </c>
      <c r="R1373" s="23">
        <v>45065</v>
      </c>
    </row>
    <row r="1374" spans="1:18" ht="14.4" customHeight="1" x14ac:dyDescent="0.2">
      <c r="A1374" s="42" t="s">
        <v>8833</v>
      </c>
      <c r="B1374" s="10" t="s">
        <v>5687</v>
      </c>
      <c r="C1374" s="16">
        <v>5</v>
      </c>
      <c r="D1374" s="16">
        <v>513</v>
      </c>
      <c r="E1374" s="16">
        <v>1505</v>
      </c>
      <c r="F1374" s="43" t="s">
        <v>5776</v>
      </c>
      <c r="G1374" s="26" t="s">
        <v>7498</v>
      </c>
      <c r="H1374" s="43" t="s">
        <v>1151</v>
      </c>
      <c r="I1374" s="43" t="s">
        <v>5952</v>
      </c>
      <c r="J1374" s="19">
        <v>35.27492428</v>
      </c>
      <c r="K1374" s="19">
        <v>139.18644384000001</v>
      </c>
      <c r="L1374" s="43" t="s">
        <v>6210</v>
      </c>
      <c r="M1374" s="43" t="s">
        <v>6211</v>
      </c>
      <c r="N1374" s="16" t="s">
        <v>10023</v>
      </c>
      <c r="O1374" s="19">
        <v>1957</v>
      </c>
      <c r="P1374" s="19" t="s">
        <v>4103</v>
      </c>
      <c r="Q1374" s="41" t="s">
        <v>5852</v>
      </c>
      <c r="R1374" s="23">
        <v>45065</v>
      </c>
    </row>
    <row r="1375" spans="1:18" ht="14.4" customHeight="1" x14ac:dyDescent="0.2">
      <c r="A1375" s="42" t="s">
        <v>8834</v>
      </c>
      <c r="B1375" s="10" t="s">
        <v>5687</v>
      </c>
      <c r="C1375" s="16">
        <v>5</v>
      </c>
      <c r="D1375" s="16">
        <v>513</v>
      </c>
      <c r="E1375" s="16">
        <v>1505</v>
      </c>
      <c r="F1375" s="43" t="s">
        <v>5777</v>
      </c>
      <c r="G1375" s="26" t="s">
        <v>7499</v>
      </c>
      <c r="H1375" s="43" t="s">
        <v>1733</v>
      </c>
      <c r="I1375" s="43" t="s">
        <v>5953</v>
      </c>
      <c r="J1375" s="19">
        <v>35.314440279999999</v>
      </c>
      <c r="K1375" s="19">
        <v>139.14612561999999</v>
      </c>
      <c r="L1375" s="43" t="s">
        <v>6212</v>
      </c>
      <c r="M1375" s="43" t="s">
        <v>6213</v>
      </c>
      <c r="N1375" s="16" t="s">
        <v>9309</v>
      </c>
      <c r="O1375" s="19">
        <v>1961</v>
      </c>
      <c r="P1375" s="19" t="s">
        <v>4103</v>
      </c>
      <c r="Q1375" s="49" t="s">
        <v>10665</v>
      </c>
      <c r="R1375" s="23">
        <v>45065</v>
      </c>
    </row>
    <row r="1376" spans="1:18" ht="14.4" customHeight="1" x14ac:dyDescent="0.2">
      <c r="A1376" s="42" t="s">
        <v>8835</v>
      </c>
      <c r="B1376" s="10" t="s">
        <v>5687</v>
      </c>
      <c r="C1376" s="16">
        <v>5</v>
      </c>
      <c r="D1376" s="16">
        <v>513</v>
      </c>
      <c r="E1376" s="16">
        <v>1505</v>
      </c>
      <c r="F1376" s="43" t="s">
        <v>5778</v>
      </c>
      <c r="G1376" s="26" t="s">
        <v>7500</v>
      </c>
      <c r="H1376" s="43" t="s">
        <v>5842</v>
      </c>
      <c r="I1376" s="43" t="s">
        <v>5954</v>
      </c>
      <c r="J1376" s="19">
        <v>35.338604869999998</v>
      </c>
      <c r="K1376" s="19">
        <v>139.41801461</v>
      </c>
      <c r="L1376" s="43" t="s">
        <v>6214</v>
      </c>
      <c r="M1376" s="43" t="s">
        <v>6215</v>
      </c>
      <c r="N1376" s="16" t="s">
        <v>9310</v>
      </c>
      <c r="O1376" s="19">
        <v>1948</v>
      </c>
      <c r="P1376" s="19" t="s">
        <v>4103</v>
      </c>
      <c r="Q1376" s="41" t="s">
        <v>5855</v>
      </c>
      <c r="R1376" s="23">
        <v>45065</v>
      </c>
    </row>
    <row r="1377" spans="1:18" ht="14.4" customHeight="1" x14ac:dyDescent="0.2">
      <c r="A1377" s="42" t="s">
        <v>8836</v>
      </c>
      <c r="B1377" s="10" t="s">
        <v>5687</v>
      </c>
      <c r="C1377" s="16">
        <v>5</v>
      </c>
      <c r="D1377" s="16">
        <v>513</v>
      </c>
      <c r="E1377" s="16">
        <v>1505</v>
      </c>
      <c r="F1377" s="43" t="s">
        <v>5779</v>
      </c>
      <c r="G1377" s="26" t="s">
        <v>7501</v>
      </c>
      <c r="H1377" s="43" t="s">
        <v>1741</v>
      </c>
      <c r="I1377" s="43" t="s">
        <v>5955</v>
      </c>
      <c r="J1377" s="19">
        <v>35.362010990000002</v>
      </c>
      <c r="K1377" s="19">
        <v>139.39741753000001</v>
      </c>
      <c r="L1377" s="43" t="s">
        <v>6216</v>
      </c>
      <c r="M1377" s="43" t="s">
        <v>6217</v>
      </c>
      <c r="N1377" s="16" t="s">
        <v>10024</v>
      </c>
      <c r="O1377" s="19">
        <v>1963</v>
      </c>
      <c r="P1377" s="19" t="s">
        <v>4103</v>
      </c>
      <c r="Q1377" s="41" t="s">
        <v>5852</v>
      </c>
      <c r="R1377" s="23">
        <v>45065</v>
      </c>
    </row>
    <row r="1378" spans="1:18" ht="14.4" customHeight="1" x14ac:dyDescent="0.2">
      <c r="A1378" s="42" t="s">
        <v>8837</v>
      </c>
      <c r="B1378" s="10" t="s">
        <v>5687</v>
      </c>
      <c r="C1378" s="16">
        <v>5</v>
      </c>
      <c r="D1378" s="16">
        <v>513</v>
      </c>
      <c r="E1378" s="16">
        <v>1505</v>
      </c>
      <c r="F1378" s="43" t="s">
        <v>5780</v>
      </c>
      <c r="G1378" s="26" t="s">
        <v>7502</v>
      </c>
      <c r="H1378" s="43" t="s">
        <v>1203</v>
      </c>
      <c r="I1378" s="43" t="s">
        <v>5956</v>
      </c>
      <c r="J1378" s="19">
        <v>35.34483007</v>
      </c>
      <c r="K1378" s="19">
        <v>139.40936389999999</v>
      </c>
      <c r="L1378" s="43" t="s">
        <v>6218</v>
      </c>
      <c r="M1378" s="43" t="s">
        <v>6219</v>
      </c>
      <c r="N1378" s="16" t="s">
        <v>9311</v>
      </c>
      <c r="O1378" s="19">
        <v>1975</v>
      </c>
      <c r="P1378" s="19" t="s">
        <v>4103</v>
      </c>
      <c r="Q1378" s="41" t="s">
        <v>5852</v>
      </c>
      <c r="R1378" s="23">
        <v>45065</v>
      </c>
    </row>
    <row r="1379" spans="1:18" ht="14.4" customHeight="1" x14ac:dyDescent="0.2">
      <c r="A1379" s="42" t="s">
        <v>8838</v>
      </c>
      <c r="B1379" s="10" t="s">
        <v>5687</v>
      </c>
      <c r="C1379" s="16">
        <v>5</v>
      </c>
      <c r="D1379" s="16">
        <v>513</v>
      </c>
      <c r="E1379" s="16">
        <v>1505</v>
      </c>
      <c r="F1379" s="43" t="s">
        <v>5781</v>
      </c>
      <c r="G1379" s="26" t="s">
        <v>7503</v>
      </c>
      <c r="H1379" s="43" t="s">
        <v>1186</v>
      </c>
      <c r="I1379" s="43" t="s">
        <v>5957</v>
      </c>
      <c r="J1379" s="19">
        <v>35.319168320000003</v>
      </c>
      <c r="K1379" s="19">
        <v>139.38777272999999</v>
      </c>
      <c r="L1379" s="43" t="s">
        <v>6220</v>
      </c>
      <c r="M1379" s="43" t="s">
        <v>6221</v>
      </c>
      <c r="N1379" s="16" t="s">
        <v>9312</v>
      </c>
      <c r="O1379" s="19">
        <v>1980</v>
      </c>
      <c r="P1379" s="19" t="s">
        <v>4103</v>
      </c>
      <c r="Q1379" s="41" t="s">
        <v>5852</v>
      </c>
      <c r="R1379" s="23">
        <v>45065</v>
      </c>
    </row>
    <row r="1380" spans="1:18" s="86" customFormat="1" ht="14.4" customHeight="1" x14ac:dyDescent="0.2">
      <c r="A1380" s="42" t="s">
        <v>10504</v>
      </c>
      <c r="B1380" s="10" t="s">
        <v>5687</v>
      </c>
      <c r="C1380" s="16">
        <v>5</v>
      </c>
      <c r="D1380" s="16">
        <v>513</v>
      </c>
      <c r="E1380" s="16">
        <v>1505</v>
      </c>
      <c r="F1380" s="43" t="s">
        <v>10494</v>
      </c>
      <c r="G1380" s="26" t="s">
        <v>10495</v>
      </c>
      <c r="H1380" s="43" t="s">
        <v>10496</v>
      </c>
      <c r="I1380" s="43" t="s">
        <v>10497</v>
      </c>
      <c r="J1380" s="19"/>
      <c r="K1380" s="19"/>
      <c r="L1380" s="43" t="s">
        <v>10498</v>
      </c>
      <c r="M1380" s="43" t="s">
        <v>10499</v>
      </c>
      <c r="N1380" s="72" t="s">
        <v>10500</v>
      </c>
      <c r="O1380" s="19">
        <v>2022</v>
      </c>
      <c r="P1380" s="19" t="s">
        <v>4103</v>
      </c>
      <c r="Q1380" s="41" t="s">
        <v>5852</v>
      </c>
      <c r="R1380" s="23">
        <v>45065</v>
      </c>
    </row>
    <row r="1381" spans="1:18" ht="14.4" customHeight="1" x14ac:dyDescent="0.2">
      <c r="A1381" s="42" t="s">
        <v>8839</v>
      </c>
      <c r="B1381" s="10" t="s">
        <v>5687</v>
      </c>
      <c r="C1381" s="16">
        <v>5</v>
      </c>
      <c r="D1381" s="16">
        <v>513</v>
      </c>
      <c r="E1381" s="16">
        <v>1505</v>
      </c>
      <c r="F1381" s="43" t="s">
        <v>5782</v>
      </c>
      <c r="G1381" s="26" t="s">
        <v>7504</v>
      </c>
      <c r="H1381" s="43" t="s">
        <v>5843</v>
      </c>
      <c r="I1381" s="43" t="s">
        <v>5958</v>
      </c>
      <c r="J1381" s="19">
        <v>35.186487630000002</v>
      </c>
      <c r="K1381" s="19">
        <v>139.62587091</v>
      </c>
      <c r="L1381" s="43" t="s">
        <v>6222</v>
      </c>
      <c r="M1381" s="43" t="s">
        <v>6223</v>
      </c>
      <c r="N1381" s="16" t="s">
        <v>10025</v>
      </c>
      <c r="O1381" s="19">
        <v>2017</v>
      </c>
      <c r="P1381" s="19" t="s">
        <v>4103</v>
      </c>
      <c r="Q1381" s="49" t="s">
        <v>10672</v>
      </c>
      <c r="R1381" s="23">
        <v>45065</v>
      </c>
    </row>
    <row r="1382" spans="1:18" ht="14.4" customHeight="1" x14ac:dyDescent="0.2">
      <c r="A1382" s="42" t="s">
        <v>8840</v>
      </c>
      <c r="B1382" s="10" t="s">
        <v>5687</v>
      </c>
      <c r="C1382" s="16">
        <v>5</v>
      </c>
      <c r="D1382" s="16">
        <v>513</v>
      </c>
      <c r="E1382" s="16">
        <v>1505</v>
      </c>
      <c r="F1382" s="43" t="s">
        <v>5783</v>
      </c>
      <c r="G1382" s="26" t="s">
        <v>7505</v>
      </c>
      <c r="H1382" s="43" t="s">
        <v>1250</v>
      </c>
      <c r="I1382" s="43" t="s">
        <v>5959</v>
      </c>
      <c r="J1382" s="19">
        <v>35.362303480000001</v>
      </c>
      <c r="K1382" s="19">
        <v>139.25724061</v>
      </c>
      <c r="L1382" s="43" t="s">
        <v>6224</v>
      </c>
      <c r="M1382" s="43" t="s">
        <v>6225</v>
      </c>
      <c r="N1382" s="16" t="s">
        <v>9313</v>
      </c>
      <c r="O1382" s="19">
        <v>1926</v>
      </c>
      <c r="P1382" s="19" t="s">
        <v>4103</v>
      </c>
      <c r="Q1382" s="41" t="s">
        <v>5852</v>
      </c>
      <c r="R1382" s="23">
        <v>45065</v>
      </c>
    </row>
    <row r="1383" spans="1:18" ht="14.4" customHeight="1" x14ac:dyDescent="0.2">
      <c r="A1383" s="42" t="s">
        <v>8841</v>
      </c>
      <c r="B1383" s="10" t="s">
        <v>5687</v>
      </c>
      <c r="C1383" s="16">
        <v>5</v>
      </c>
      <c r="D1383" s="16">
        <v>513</v>
      </c>
      <c r="E1383" s="16">
        <v>1505</v>
      </c>
      <c r="F1383" s="43" t="s">
        <v>5784</v>
      </c>
      <c r="G1383" s="26" t="s">
        <v>7506</v>
      </c>
      <c r="H1383" s="43" t="s">
        <v>1256</v>
      </c>
      <c r="I1383" s="43" t="s">
        <v>5960</v>
      </c>
      <c r="J1383" s="19">
        <v>35.357823959999997</v>
      </c>
      <c r="K1383" s="19">
        <v>139.22422499000001</v>
      </c>
      <c r="L1383" s="43" t="s">
        <v>6226</v>
      </c>
      <c r="M1383" s="43" t="s">
        <v>6227</v>
      </c>
      <c r="N1383" s="16" t="s">
        <v>9314</v>
      </c>
      <c r="O1383" s="19">
        <v>2008</v>
      </c>
      <c r="P1383" s="19" t="s">
        <v>4103</v>
      </c>
      <c r="Q1383" s="41" t="s">
        <v>10666</v>
      </c>
      <c r="R1383" s="23">
        <v>45065</v>
      </c>
    </row>
    <row r="1384" spans="1:18" ht="14.4" customHeight="1" x14ac:dyDescent="0.2">
      <c r="A1384" s="42" t="s">
        <v>8842</v>
      </c>
      <c r="B1384" s="10" t="s">
        <v>5687</v>
      </c>
      <c r="C1384" s="16">
        <v>5</v>
      </c>
      <c r="D1384" s="16">
        <v>513</v>
      </c>
      <c r="E1384" s="16">
        <v>1505</v>
      </c>
      <c r="F1384" s="43" t="s">
        <v>5785</v>
      </c>
      <c r="G1384" s="26" t="s">
        <v>7507</v>
      </c>
      <c r="H1384" s="43" t="s">
        <v>5844</v>
      </c>
      <c r="I1384" s="43" t="s">
        <v>5961</v>
      </c>
      <c r="J1384" s="19">
        <v>35.378555470000002</v>
      </c>
      <c r="K1384" s="19">
        <v>139.23727536999999</v>
      </c>
      <c r="L1384" s="43" t="s">
        <v>6228</v>
      </c>
      <c r="M1384" s="43" t="s">
        <v>6229</v>
      </c>
      <c r="N1384" s="16" t="s">
        <v>9315</v>
      </c>
      <c r="O1384" s="19">
        <v>1986</v>
      </c>
      <c r="P1384" s="19" t="s">
        <v>4103</v>
      </c>
      <c r="Q1384" s="41" t="s">
        <v>5852</v>
      </c>
      <c r="R1384" s="23">
        <v>45065</v>
      </c>
    </row>
    <row r="1385" spans="1:18" ht="14.4" customHeight="1" x14ac:dyDescent="0.2">
      <c r="A1385" s="42" t="s">
        <v>8843</v>
      </c>
      <c r="B1385" s="10" t="s">
        <v>5687</v>
      </c>
      <c r="C1385" s="16">
        <v>5</v>
      </c>
      <c r="D1385" s="16">
        <v>513</v>
      </c>
      <c r="E1385" s="16">
        <v>1505</v>
      </c>
      <c r="F1385" s="43" t="s">
        <v>5786</v>
      </c>
      <c r="G1385" s="26" t="s">
        <v>7508</v>
      </c>
      <c r="H1385" s="43" t="s">
        <v>1285</v>
      </c>
      <c r="I1385" s="43" t="s">
        <v>5962</v>
      </c>
      <c r="J1385" s="19">
        <v>35.446049819999999</v>
      </c>
      <c r="K1385" s="19">
        <v>139.35133203000001</v>
      </c>
      <c r="L1385" s="43" t="s">
        <v>6230</v>
      </c>
      <c r="M1385" s="43" t="s">
        <v>6231</v>
      </c>
      <c r="N1385" s="16" t="s">
        <v>9316</v>
      </c>
      <c r="O1385" s="19">
        <v>1902</v>
      </c>
      <c r="P1385" s="19" t="s">
        <v>4103</v>
      </c>
      <c r="Q1385" s="41" t="s">
        <v>5852</v>
      </c>
      <c r="R1385" s="23">
        <v>45065</v>
      </c>
    </row>
    <row r="1386" spans="1:18" ht="14.4" customHeight="1" x14ac:dyDescent="0.2">
      <c r="A1386" s="42" t="s">
        <v>8844</v>
      </c>
      <c r="B1386" s="10" t="s">
        <v>5687</v>
      </c>
      <c r="C1386" s="16">
        <v>5</v>
      </c>
      <c r="D1386" s="16">
        <v>513</v>
      </c>
      <c r="E1386" s="16">
        <v>1505</v>
      </c>
      <c r="F1386" s="43" t="s">
        <v>5787</v>
      </c>
      <c r="G1386" s="26" t="s">
        <v>7509</v>
      </c>
      <c r="H1386" s="43" t="s">
        <v>5845</v>
      </c>
      <c r="I1386" s="43" t="s">
        <v>5963</v>
      </c>
      <c r="J1386" s="19">
        <v>35.456435849999998</v>
      </c>
      <c r="K1386" s="19">
        <v>139.34467089</v>
      </c>
      <c r="L1386" s="43" t="s">
        <v>6232</v>
      </c>
      <c r="M1386" s="43" t="s">
        <v>6233</v>
      </c>
      <c r="N1386" s="16" t="s">
        <v>9317</v>
      </c>
      <c r="O1386" s="19">
        <v>1906</v>
      </c>
      <c r="P1386" s="19" t="s">
        <v>4103</v>
      </c>
      <c r="Q1386" s="41" t="s">
        <v>5852</v>
      </c>
      <c r="R1386" s="23">
        <v>45065</v>
      </c>
    </row>
    <row r="1387" spans="1:18" ht="14.4" customHeight="1" x14ac:dyDescent="0.2">
      <c r="A1387" s="42" t="s">
        <v>8845</v>
      </c>
      <c r="B1387" s="10" t="s">
        <v>5687</v>
      </c>
      <c r="C1387" s="16">
        <v>5</v>
      </c>
      <c r="D1387" s="16">
        <v>513</v>
      </c>
      <c r="E1387" s="16">
        <v>1505</v>
      </c>
      <c r="F1387" s="43" t="s">
        <v>5788</v>
      </c>
      <c r="G1387" s="26" t="s">
        <v>7510</v>
      </c>
      <c r="H1387" s="43" t="s">
        <v>5845</v>
      </c>
      <c r="I1387" s="43" t="s">
        <v>5964</v>
      </c>
      <c r="J1387" s="19">
        <v>35.45761297</v>
      </c>
      <c r="K1387" s="19">
        <v>139.34285360000001</v>
      </c>
      <c r="L1387" s="43" t="s">
        <v>6234</v>
      </c>
      <c r="M1387" s="43" t="s">
        <v>6235</v>
      </c>
      <c r="N1387" s="16" t="s">
        <v>9318</v>
      </c>
      <c r="O1387" s="19">
        <v>1972</v>
      </c>
      <c r="P1387" s="19" t="s">
        <v>4103</v>
      </c>
      <c r="Q1387" s="41" t="s">
        <v>5864</v>
      </c>
      <c r="R1387" s="23">
        <v>45065</v>
      </c>
    </row>
    <row r="1388" spans="1:18" ht="14.4" customHeight="1" x14ac:dyDescent="0.2">
      <c r="A1388" s="42" t="s">
        <v>8846</v>
      </c>
      <c r="B1388" s="10" t="s">
        <v>5687</v>
      </c>
      <c r="C1388" s="16">
        <v>5</v>
      </c>
      <c r="D1388" s="16">
        <v>513</v>
      </c>
      <c r="E1388" s="16">
        <v>1505</v>
      </c>
      <c r="F1388" s="43" t="s">
        <v>5789</v>
      </c>
      <c r="G1388" s="26" t="s">
        <v>7511</v>
      </c>
      <c r="H1388" s="43" t="s">
        <v>1763</v>
      </c>
      <c r="I1388" s="43" t="s">
        <v>5965</v>
      </c>
      <c r="J1388" s="19">
        <v>35.487218859999999</v>
      </c>
      <c r="K1388" s="19">
        <v>139.33734498999999</v>
      </c>
      <c r="L1388" s="43" t="s">
        <v>6236</v>
      </c>
      <c r="M1388" s="43" t="s">
        <v>6237</v>
      </c>
      <c r="N1388" s="16" t="s">
        <v>9319</v>
      </c>
      <c r="O1388" s="19">
        <v>1978</v>
      </c>
      <c r="P1388" s="19" t="s">
        <v>4103</v>
      </c>
      <c r="Q1388" s="41" t="s">
        <v>5865</v>
      </c>
      <c r="R1388" s="23">
        <v>45065</v>
      </c>
    </row>
    <row r="1389" spans="1:18" ht="14.4" customHeight="1" x14ac:dyDescent="0.2">
      <c r="A1389" s="42" t="s">
        <v>8847</v>
      </c>
      <c r="B1389" s="10" t="s">
        <v>5687</v>
      </c>
      <c r="C1389" s="16">
        <v>5</v>
      </c>
      <c r="D1389" s="16">
        <v>513</v>
      </c>
      <c r="E1389" s="16">
        <v>1505</v>
      </c>
      <c r="F1389" s="43" t="s">
        <v>5790</v>
      </c>
      <c r="G1389" s="26" t="s">
        <v>7512</v>
      </c>
      <c r="H1389" s="43" t="s">
        <v>1280</v>
      </c>
      <c r="I1389" s="43" t="s">
        <v>5966</v>
      </c>
      <c r="J1389" s="19">
        <v>35.431099490000001</v>
      </c>
      <c r="K1389" s="19">
        <v>139.36104750000001</v>
      </c>
      <c r="L1389" s="43" t="s">
        <v>6238</v>
      </c>
      <c r="M1389" s="43" t="s">
        <v>6239</v>
      </c>
      <c r="N1389" s="16" t="s">
        <v>9320</v>
      </c>
      <c r="O1389" s="19">
        <v>2004</v>
      </c>
      <c r="P1389" s="19" t="s">
        <v>4103</v>
      </c>
      <c r="Q1389" s="49" t="s">
        <v>10134</v>
      </c>
      <c r="R1389" s="23">
        <v>45065</v>
      </c>
    </row>
    <row r="1390" spans="1:18" ht="14.4" customHeight="1" x14ac:dyDescent="0.2">
      <c r="A1390" s="42" t="s">
        <v>8848</v>
      </c>
      <c r="B1390" s="10" t="s">
        <v>5687</v>
      </c>
      <c r="C1390" s="16">
        <v>5</v>
      </c>
      <c r="D1390" s="16">
        <v>513</v>
      </c>
      <c r="E1390" s="16">
        <v>1505</v>
      </c>
      <c r="F1390" s="43" t="s">
        <v>5791</v>
      </c>
      <c r="G1390" s="26" t="s">
        <v>7513</v>
      </c>
      <c r="H1390" s="43" t="s">
        <v>5846</v>
      </c>
      <c r="I1390" s="43" t="s">
        <v>5967</v>
      </c>
      <c r="J1390" s="19">
        <v>35.448230629999998</v>
      </c>
      <c r="K1390" s="19">
        <v>139.31286731</v>
      </c>
      <c r="L1390" s="43" t="s">
        <v>6240</v>
      </c>
      <c r="M1390" s="43" t="s">
        <v>6241</v>
      </c>
      <c r="N1390" s="16" t="s">
        <v>9321</v>
      </c>
      <c r="O1390" s="19">
        <v>1984</v>
      </c>
      <c r="P1390" s="19" t="s">
        <v>4103</v>
      </c>
      <c r="Q1390" s="41" t="s">
        <v>5852</v>
      </c>
      <c r="R1390" s="23">
        <v>45065</v>
      </c>
    </row>
    <row r="1391" spans="1:18" ht="14.4" customHeight="1" x14ac:dyDescent="0.2">
      <c r="A1391" s="42" t="s">
        <v>8849</v>
      </c>
      <c r="B1391" s="10" t="s">
        <v>5687</v>
      </c>
      <c r="C1391" s="16">
        <v>5</v>
      </c>
      <c r="D1391" s="16">
        <v>513</v>
      </c>
      <c r="E1391" s="16">
        <v>1505</v>
      </c>
      <c r="F1391" s="43" t="s">
        <v>5792</v>
      </c>
      <c r="G1391" s="26" t="s">
        <v>7514</v>
      </c>
      <c r="H1391" s="43" t="s">
        <v>1770</v>
      </c>
      <c r="I1391" s="43" t="s">
        <v>5968</v>
      </c>
      <c r="J1391" s="19">
        <v>35.507291340000002</v>
      </c>
      <c r="K1391" s="19">
        <v>139.45499701</v>
      </c>
      <c r="L1391" s="43" t="s">
        <v>6242</v>
      </c>
      <c r="M1391" s="43" t="s">
        <v>6243</v>
      </c>
      <c r="N1391" s="16" t="s">
        <v>10026</v>
      </c>
      <c r="O1391" s="19">
        <v>1962</v>
      </c>
      <c r="P1391" s="19" t="s">
        <v>4103</v>
      </c>
      <c r="Q1391" s="41" t="s">
        <v>5852</v>
      </c>
      <c r="R1391" s="23">
        <v>45065</v>
      </c>
    </row>
    <row r="1392" spans="1:18" ht="14.4" customHeight="1" x14ac:dyDescent="0.2">
      <c r="A1392" s="42" t="s">
        <v>8850</v>
      </c>
      <c r="B1392" s="10" t="s">
        <v>5687</v>
      </c>
      <c r="C1392" s="16">
        <v>5</v>
      </c>
      <c r="D1392" s="16">
        <v>513</v>
      </c>
      <c r="E1392" s="16">
        <v>1505</v>
      </c>
      <c r="F1392" s="43" t="s">
        <v>5793</v>
      </c>
      <c r="G1392" s="26" t="s">
        <v>7515</v>
      </c>
      <c r="H1392" s="43" t="s">
        <v>1315</v>
      </c>
      <c r="I1392" s="43" t="s">
        <v>5969</v>
      </c>
      <c r="J1392" s="19">
        <v>35.442870919999997</v>
      </c>
      <c r="K1392" s="19">
        <v>139.47447711000001</v>
      </c>
      <c r="L1392" s="43" t="s">
        <v>6244</v>
      </c>
      <c r="M1392" s="43" t="s">
        <v>6245</v>
      </c>
      <c r="N1392" s="16" t="s">
        <v>9322</v>
      </c>
      <c r="O1392" s="19">
        <v>1977</v>
      </c>
      <c r="P1392" s="19" t="s">
        <v>4103</v>
      </c>
      <c r="Q1392" s="41" t="s">
        <v>5852</v>
      </c>
      <c r="R1392" s="23">
        <v>45065</v>
      </c>
    </row>
    <row r="1393" spans="1:18" ht="14.4" customHeight="1" x14ac:dyDescent="0.2">
      <c r="A1393" s="42" t="s">
        <v>8851</v>
      </c>
      <c r="B1393" s="10" t="s">
        <v>5687</v>
      </c>
      <c r="C1393" s="16">
        <v>5</v>
      </c>
      <c r="D1393" s="16">
        <v>513</v>
      </c>
      <c r="E1393" s="16">
        <v>1505</v>
      </c>
      <c r="F1393" s="43" t="s">
        <v>5794</v>
      </c>
      <c r="G1393" s="26" t="s">
        <v>7516</v>
      </c>
      <c r="H1393" s="43" t="s">
        <v>1331</v>
      </c>
      <c r="I1393" s="43" t="s">
        <v>5970</v>
      </c>
      <c r="J1393" s="19">
        <v>35.479369509999998</v>
      </c>
      <c r="K1393" s="19">
        <v>139.46948369</v>
      </c>
      <c r="L1393" s="43" t="s">
        <v>6246</v>
      </c>
      <c r="M1393" s="43" t="s">
        <v>6247</v>
      </c>
      <c r="N1393" s="16" t="s">
        <v>9323</v>
      </c>
      <c r="O1393" s="19">
        <v>1981</v>
      </c>
      <c r="P1393" s="19" t="s">
        <v>4103</v>
      </c>
      <c r="Q1393" s="41" t="s">
        <v>5852</v>
      </c>
      <c r="R1393" s="23">
        <v>45065</v>
      </c>
    </row>
    <row r="1394" spans="1:18" ht="14.4" customHeight="1" x14ac:dyDescent="0.2">
      <c r="A1394" s="42" t="s">
        <v>8852</v>
      </c>
      <c r="B1394" s="10" t="s">
        <v>5687</v>
      </c>
      <c r="C1394" s="16">
        <v>5</v>
      </c>
      <c r="D1394" s="16">
        <v>513</v>
      </c>
      <c r="E1394" s="16">
        <v>1505</v>
      </c>
      <c r="F1394" s="43" t="s">
        <v>5795</v>
      </c>
      <c r="G1394" s="26" t="s">
        <v>7517</v>
      </c>
      <c r="H1394" s="43" t="s">
        <v>1324</v>
      </c>
      <c r="I1394" s="43" t="s">
        <v>5971</v>
      </c>
      <c r="J1394" s="19">
        <v>35.496358870000002</v>
      </c>
      <c r="K1394" s="19">
        <v>139.43463677</v>
      </c>
      <c r="L1394" s="43" t="s">
        <v>6248</v>
      </c>
      <c r="M1394" s="43" t="s">
        <v>6249</v>
      </c>
      <c r="N1394" s="16" t="s">
        <v>9324</v>
      </c>
      <c r="O1394" s="19">
        <v>1986</v>
      </c>
      <c r="P1394" s="19" t="s">
        <v>4103</v>
      </c>
      <c r="Q1394" s="41" t="s">
        <v>5852</v>
      </c>
      <c r="R1394" s="23">
        <v>45065</v>
      </c>
    </row>
    <row r="1395" spans="1:18" ht="14.4" customHeight="1" x14ac:dyDescent="0.2">
      <c r="A1395" s="42" t="s">
        <v>8853</v>
      </c>
      <c r="B1395" s="10" t="s">
        <v>5687</v>
      </c>
      <c r="C1395" s="16">
        <v>5</v>
      </c>
      <c r="D1395" s="16">
        <v>513</v>
      </c>
      <c r="E1395" s="16">
        <v>1505</v>
      </c>
      <c r="F1395" s="43" t="s">
        <v>5796</v>
      </c>
      <c r="G1395" s="26" t="s">
        <v>7518</v>
      </c>
      <c r="H1395" s="43" t="s">
        <v>5847</v>
      </c>
      <c r="I1395" s="43" t="s">
        <v>5972</v>
      </c>
      <c r="J1395" s="19">
        <v>35.403739999999999</v>
      </c>
      <c r="K1395" s="19">
        <v>139.30596645</v>
      </c>
      <c r="L1395" s="43" t="s">
        <v>6250</v>
      </c>
      <c r="M1395" s="43" t="s">
        <v>6251</v>
      </c>
      <c r="N1395" s="16" t="s">
        <v>9325</v>
      </c>
      <c r="O1395" s="19">
        <v>1928</v>
      </c>
      <c r="P1395" s="19" t="s">
        <v>4103</v>
      </c>
      <c r="Q1395" s="41" t="s">
        <v>5855</v>
      </c>
      <c r="R1395" s="23">
        <v>45065</v>
      </c>
    </row>
    <row r="1396" spans="1:18" ht="14.4" customHeight="1" x14ac:dyDescent="0.2">
      <c r="A1396" s="42" t="s">
        <v>8854</v>
      </c>
      <c r="B1396" s="10" t="s">
        <v>5687</v>
      </c>
      <c r="C1396" s="16">
        <v>5</v>
      </c>
      <c r="D1396" s="16">
        <v>513</v>
      </c>
      <c r="E1396" s="16">
        <v>1505</v>
      </c>
      <c r="F1396" s="43" t="s">
        <v>5797</v>
      </c>
      <c r="G1396" s="26" t="s">
        <v>7519</v>
      </c>
      <c r="H1396" s="43" t="s">
        <v>1355</v>
      </c>
      <c r="I1396" s="43" t="s">
        <v>5973</v>
      </c>
      <c r="J1396" s="19">
        <v>35.413405779999998</v>
      </c>
      <c r="K1396" s="19">
        <v>139.34615366</v>
      </c>
      <c r="L1396" s="43" t="s">
        <v>6252</v>
      </c>
      <c r="M1396" s="43" t="s">
        <v>6253</v>
      </c>
      <c r="N1396" s="16" t="s">
        <v>9326</v>
      </c>
      <c r="O1396" s="19">
        <v>1976</v>
      </c>
      <c r="P1396" s="19" t="s">
        <v>4103</v>
      </c>
      <c r="Q1396" s="41" t="s">
        <v>5852</v>
      </c>
      <c r="R1396" s="23">
        <v>45065</v>
      </c>
    </row>
    <row r="1397" spans="1:18" ht="14.4" customHeight="1" x14ac:dyDescent="0.2">
      <c r="A1397" s="42" t="s">
        <v>8855</v>
      </c>
      <c r="B1397" s="10" t="s">
        <v>5687</v>
      </c>
      <c r="C1397" s="16">
        <v>5</v>
      </c>
      <c r="D1397" s="16">
        <v>513</v>
      </c>
      <c r="E1397" s="16">
        <v>1505</v>
      </c>
      <c r="F1397" s="43" t="s">
        <v>5798</v>
      </c>
      <c r="G1397" s="26" t="s">
        <v>7520</v>
      </c>
      <c r="H1397" s="43" t="s">
        <v>1369</v>
      </c>
      <c r="I1397" s="43" t="s">
        <v>5974</v>
      </c>
      <c r="J1397" s="19">
        <v>35.433709460000003</v>
      </c>
      <c r="K1397" s="19">
        <v>139.38647164</v>
      </c>
      <c r="L1397" s="43" t="s">
        <v>6254</v>
      </c>
      <c r="M1397" s="43" t="s">
        <v>6255</v>
      </c>
      <c r="N1397" s="16" t="s">
        <v>9327</v>
      </c>
      <c r="O1397" s="19">
        <v>1906</v>
      </c>
      <c r="P1397" s="19" t="s">
        <v>4103</v>
      </c>
      <c r="Q1397" s="49" t="s">
        <v>5866</v>
      </c>
      <c r="R1397" s="23">
        <v>45065</v>
      </c>
    </row>
    <row r="1398" spans="1:18" ht="14.4" customHeight="1" x14ac:dyDescent="0.2">
      <c r="A1398" s="42" t="s">
        <v>8856</v>
      </c>
      <c r="B1398" s="10" t="s">
        <v>5687</v>
      </c>
      <c r="C1398" s="16">
        <v>5</v>
      </c>
      <c r="D1398" s="16">
        <v>513</v>
      </c>
      <c r="E1398" s="16">
        <v>1505</v>
      </c>
      <c r="F1398" s="43" t="s">
        <v>5799</v>
      </c>
      <c r="G1398" s="26" t="s">
        <v>7521</v>
      </c>
      <c r="H1398" s="43" t="s">
        <v>1369</v>
      </c>
      <c r="I1398" s="43" t="s">
        <v>5975</v>
      </c>
      <c r="J1398" s="19">
        <v>35.441988729999998</v>
      </c>
      <c r="K1398" s="19">
        <v>139.38762790999999</v>
      </c>
      <c r="L1398" s="43" t="s">
        <v>6256</v>
      </c>
      <c r="M1398" s="43" t="s">
        <v>6257</v>
      </c>
      <c r="N1398" s="16" t="s">
        <v>10027</v>
      </c>
      <c r="O1398" s="19">
        <v>1979</v>
      </c>
      <c r="P1398" s="19" t="s">
        <v>4103</v>
      </c>
      <c r="Q1398" s="41" t="s">
        <v>5852</v>
      </c>
      <c r="R1398" s="23">
        <v>45065</v>
      </c>
    </row>
    <row r="1399" spans="1:18" ht="14.4" customHeight="1" x14ac:dyDescent="0.2">
      <c r="A1399" s="42" t="s">
        <v>8857</v>
      </c>
      <c r="B1399" s="11" t="s">
        <v>5687</v>
      </c>
      <c r="C1399" s="40">
        <v>5</v>
      </c>
      <c r="D1399" s="40">
        <v>513</v>
      </c>
      <c r="E1399" s="40">
        <v>1505</v>
      </c>
      <c r="F1399" s="43" t="s">
        <v>5800</v>
      </c>
      <c r="G1399" s="26" t="s">
        <v>7522</v>
      </c>
      <c r="H1399" s="43" t="s">
        <v>1375</v>
      </c>
      <c r="I1399" s="43" t="s">
        <v>10472</v>
      </c>
      <c r="J1399" s="39"/>
      <c r="K1399" s="39"/>
      <c r="L1399" s="43" t="s">
        <v>6258</v>
      </c>
      <c r="M1399" s="43" t="s">
        <v>6259</v>
      </c>
      <c r="N1399" s="20" t="s">
        <v>10501</v>
      </c>
      <c r="O1399" s="39">
        <v>1983</v>
      </c>
      <c r="P1399" s="39" t="s">
        <v>4103</v>
      </c>
      <c r="Q1399" s="49" t="s">
        <v>5852</v>
      </c>
      <c r="R1399" s="23">
        <v>45065</v>
      </c>
    </row>
    <row r="1400" spans="1:18" ht="14.4" customHeight="1" x14ac:dyDescent="0.2">
      <c r="A1400" s="42" t="s">
        <v>8858</v>
      </c>
      <c r="B1400" s="10" t="s">
        <v>5687</v>
      </c>
      <c r="C1400" s="16">
        <v>5</v>
      </c>
      <c r="D1400" s="16">
        <v>513</v>
      </c>
      <c r="E1400" s="16">
        <v>1505</v>
      </c>
      <c r="F1400" s="43" t="s">
        <v>5801</v>
      </c>
      <c r="G1400" s="26" t="s">
        <v>7523</v>
      </c>
      <c r="H1400" s="43" t="s">
        <v>9328</v>
      </c>
      <c r="I1400" s="43" t="s">
        <v>9329</v>
      </c>
      <c r="J1400" s="19">
        <v>35.4770599</v>
      </c>
      <c r="K1400" s="19">
        <v>139.39637038000001</v>
      </c>
      <c r="L1400" s="43" t="s">
        <v>6260</v>
      </c>
      <c r="M1400" s="43" t="s">
        <v>6261</v>
      </c>
      <c r="N1400" s="16" t="s">
        <v>9330</v>
      </c>
      <c r="O1400" s="19">
        <v>1972</v>
      </c>
      <c r="P1400" s="19" t="s">
        <v>4103</v>
      </c>
      <c r="Q1400" s="41" t="s">
        <v>5852</v>
      </c>
      <c r="R1400" s="23">
        <v>45065</v>
      </c>
    </row>
    <row r="1401" spans="1:18" ht="14.4" customHeight="1" x14ac:dyDescent="0.2">
      <c r="A1401" s="42" t="s">
        <v>8859</v>
      </c>
      <c r="B1401" s="10" t="s">
        <v>5687</v>
      </c>
      <c r="C1401" s="16">
        <v>5</v>
      </c>
      <c r="D1401" s="16">
        <v>513</v>
      </c>
      <c r="E1401" s="16">
        <v>1505</v>
      </c>
      <c r="F1401" s="43" t="s">
        <v>5802</v>
      </c>
      <c r="G1401" s="26" t="s">
        <v>7524</v>
      </c>
      <c r="H1401" s="43" t="s">
        <v>9</v>
      </c>
      <c r="I1401" s="43" t="s">
        <v>5976</v>
      </c>
      <c r="J1401" s="19">
        <v>35.487469439999998</v>
      </c>
      <c r="K1401" s="19">
        <v>139.41778195000001</v>
      </c>
      <c r="L1401" s="43" t="s">
        <v>6262</v>
      </c>
      <c r="M1401" s="43" t="s">
        <v>6263</v>
      </c>
      <c r="N1401" s="16" t="s">
        <v>9331</v>
      </c>
      <c r="O1401" s="19">
        <v>2008</v>
      </c>
      <c r="P1401" s="19" t="s">
        <v>4103</v>
      </c>
      <c r="Q1401" s="41" t="s">
        <v>5853</v>
      </c>
      <c r="R1401" s="23">
        <v>45065</v>
      </c>
    </row>
    <row r="1402" spans="1:18" ht="14.4" customHeight="1" x14ac:dyDescent="0.2">
      <c r="A1402" s="42" t="s">
        <v>8860</v>
      </c>
      <c r="B1402" s="10" t="s">
        <v>5687</v>
      </c>
      <c r="C1402" s="16">
        <v>5</v>
      </c>
      <c r="D1402" s="16">
        <v>513</v>
      </c>
      <c r="E1402" s="16">
        <v>1505</v>
      </c>
      <c r="F1402" s="43" t="s">
        <v>5803</v>
      </c>
      <c r="G1402" s="26" t="s">
        <v>7525</v>
      </c>
      <c r="H1402" s="43" t="s">
        <v>10</v>
      </c>
      <c r="I1402" s="43" t="s">
        <v>5977</v>
      </c>
      <c r="J1402" s="19">
        <v>35.480519440000002</v>
      </c>
      <c r="K1402" s="19">
        <v>139.43595554999999</v>
      </c>
      <c r="L1402" s="43" t="s">
        <v>6264</v>
      </c>
      <c r="M1402" s="43" t="s">
        <v>6265</v>
      </c>
      <c r="N1402" s="16" t="s">
        <v>9332</v>
      </c>
      <c r="O1402" s="19">
        <v>2010</v>
      </c>
      <c r="P1402" s="19" t="s">
        <v>4103</v>
      </c>
      <c r="Q1402" s="41" t="s">
        <v>5856</v>
      </c>
      <c r="R1402" s="23">
        <v>45065</v>
      </c>
    </row>
    <row r="1403" spans="1:18" ht="14.4" customHeight="1" x14ac:dyDescent="0.2">
      <c r="A1403" s="42" t="s">
        <v>8861</v>
      </c>
      <c r="B1403" s="10" t="s">
        <v>5687</v>
      </c>
      <c r="C1403" s="16">
        <v>5</v>
      </c>
      <c r="D1403" s="16">
        <v>513</v>
      </c>
      <c r="E1403" s="16">
        <v>1505</v>
      </c>
      <c r="F1403" s="43" t="s">
        <v>5804</v>
      </c>
      <c r="G1403" s="26" t="s">
        <v>7526</v>
      </c>
      <c r="H1403" s="43" t="s">
        <v>5848</v>
      </c>
      <c r="I1403" s="43" t="s">
        <v>5978</v>
      </c>
      <c r="J1403" s="19">
        <v>35.328585799999999</v>
      </c>
      <c r="K1403" s="19">
        <v>139.10387176</v>
      </c>
      <c r="L1403" s="43" t="s">
        <v>6266</v>
      </c>
      <c r="M1403" s="43" t="s">
        <v>6267</v>
      </c>
      <c r="N1403" s="16" t="s">
        <v>9333</v>
      </c>
      <c r="O1403" s="19">
        <v>1977</v>
      </c>
      <c r="P1403" s="19" t="s">
        <v>4103</v>
      </c>
      <c r="Q1403" s="41" t="s">
        <v>5852</v>
      </c>
      <c r="R1403" s="23">
        <v>45065</v>
      </c>
    </row>
    <row r="1404" spans="1:18" ht="14.4" customHeight="1" x14ac:dyDescent="0.2">
      <c r="A1404" s="42" t="s">
        <v>8862</v>
      </c>
      <c r="B1404" s="10" t="s">
        <v>5687</v>
      </c>
      <c r="C1404" s="16">
        <v>5</v>
      </c>
      <c r="D1404" s="16">
        <v>513</v>
      </c>
      <c r="E1404" s="16">
        <v>1505</v>
      </c>
      <c r="F1404" s="43" t="s">
        <v>5805</v>
      </c>
      <c r="G1404" s="26" t="s">
        <v>7527</v>
      </c>
      <c r="H1404" s="43" t="s">
        <v>1410</v>
      </c>
      <c r="I1404" s="43" t="s">
        <v>5979</v>
      </c>
      <c r="J1404" s="19">
        <v>35.449289360000002</v>
      </c>
      <c r="K1404" s="19">
        <v>139.42903801</v>
      </c>
      <c r="L1404" s="43" t="s">
        <v>6268</v>
      </c>
      <c r="M1404" s="43" t="s">
        <v>6269</v>
      </c>
      <c r="N1404" s="16" t="s">
        <v>9334</v>
      </c>
      <c r="O1404" s="19">
        <v>1977</v>
      </c>
      <c r="P1404" s="19" t="s">
        <v>4103</v>
      </c>
      <c r="Q1404" s="41" t="s">
        <v>5852</v>
      </c>
      <c r="R1404" s="23">
        <v>45065</v>
      </c>
    </row>
    <row r="1405" spans="1:18" ht="14.4" customHeight="1" x14ac:dyDescent="0.2">
      <c r="A1405" s="42" t="s">
        <v>8863</v>
      </c>
      <c r="B1405" s="10" t="s">
        <v>5687</v>
      </c>
      <c r="C1405" s="16">
        <v>5</v>
      </c>
      <c r="D1405" s="16">
        <v>513</v>
      </c>
      <c r="E1405" s="16">
        <v>1505</v>
      </c>
      <c r="F1405" s="43" t="s">
        <v>5806</v>
      </c>
      <c r="G1405" s="26" t="s">
        <v>7528</v>
      </c>
      <c r="H1405" s="43" t="s">
        <v>1779</v>
      </c>
      <c r="I1405" s="43" t="s">
        <v>5980</v>
      </c>
      <c r="J1405" s="19">
        <v>35.436573330000002</v>
      </c>
      <c r="K1405" s="19">
        <v>139.41242421999999</v>
      </c>
      <c r="L1405" s="43" t="s">
        <v>6270</v>
      </c>
      <c r="M1405" s="43" t="s">
        <v>6271</v>
      </c>
      <c r="N1405" s="16" t="s">
        <v>9335</v>
      </c>
      <c r="O1405" s="19">
        <v>1983</v>
      </c>
      <c r="P1405" s="19" t="s">
        <v>4103</v>
      </c>
      <c r="Q1405" s="41" t="s">
        <v>5852</v>
      </c>
      <c r="R1405" s="23">
        <v>45065</v>
      </c>
    </row>
    <row r="1406" spans="1:18" ht="14.4" customHeight="1" x14ac:dyDescent="0.2">
      <c r="A1406" s="42" t="s">
        <v>8864</v>
      </c>
      <c r="B1406" s="10" t="s">
        <v>5687</v>
      </c>
      <c r="C1406" s="16">
        <v>5</v>
      </c>
      <c r="D1406" s="16">
        <v>513</v>
      </c>
      <c r="E1406" s="16">
        <v>1505</v>
      </c>
      <c r="F1406" s="43" t="s">
        <v>5807</v>
      </c>
      <c r="G1406" s="26" t="s">
        <v>7529</v>
      </c>
      <c r="H1406" s="43" t="s">
        <v>1422</v>
      </c>
      <c r="I1406" s="43" t="s">
        <v>5981</v>
      </c>
      <c r="J1406" s="19">
        <v>35.35963357</v>
      </c>
      <c r="K1406" s="19">
        <v>139.38617837999999</v>
      </c>
      <c r="L1406" s="43" t="s">
        <v>6272</v>
      </c>
      <c r="M1406" s="43" t="s">
        <v>6273</v>
      </c>
      <c r="N1406" s="16" t="s">
        <v>9336</v>
      </c>
      <c r="O1406" s="19">
        <v>1978</v>
      </c>
      <c r="P1406" s="19" t="s">
        <v>4103</v>
      </c>
      <c r="Q1406" s="41" t="s">
        <v>5852</v>
      </c>
      <c r="R1406" s="23">
        <v>45065</v>
      </c>
    </row>
    <row r="1407" spans="1:18" ht="14.4" customHeight="1" x14ac:dyDescent="0.2">
      <c r="A1407" s="42" t="s">
        <v>8865</v>
      </c>
      <c r="B1407" s="10" t="s">
        <v>5687</v>
      </c>
      <c r="C1407" s="16">
        <v>5</v>
      </c>
      <c r="D1407" s="16">
        <v>513</v>
      </c>
      <c r="E1407" s="16">
        <v>1505</v>
      </c>
      <c r="F1407" s="43" t="s">
        <v>5808</v>
      </c>
      <c r="G1407" s="26" t="s">
        <v>7530</v>
      </c>
      <c r="H1407" s="43" t="s">
        <v>5849</v>
      </c>
      <c r="I1407" s="43" t="s">
        <v>5982</v>
      </c>
      <c r="J1407" s="19">
        <v>35.312992209999997</v>
      </c>
      <c r="K1407" s="19">
        <v>139.32445364</v>
      </c>
      <c r="L1407" s="43" t="s">
        <v>6274</v>
      </c>
      <c r="M1407" s="43" t="s">
        <v>6275</v>
      </c>
      <c r="N1407" s="16" t="s">
        <v>10028</v>
      </c>
      <c r="O1407" s="19">
        <v>1927</v>
      </c>
      <c r="P1407" s="19" t="s">
        <v>4103</v>
      </c>
      <c r="Q1407" s="41" t="s">
        <v>5852</v>
      </c>
      <c r="R1407" s="23">
        <v>45065</v>
      </c>
    </row>
    <row r="1408" spans="1:18" ht="14.4" customHeight="1" x14ac:dyDescent="0.2">
      <c r="A1408" s="42" t="s">
        <v>8866</v>
      </c>
      <c r="B1408" s="10" t="s">
        <v>5687</v>
      </c>
      <c r="C1408" s="16">
        <v>5</v>
      </c>
      <c r="D1408" s="16">
        <v>513</v>
      </c>
      <c r="E1408" s="16">
        <v>1505</v>
      </c>
      <c r="F1408" s="43" t="s">
        <v>5809</v>
      </c>
      <c r="G1408" s="26" t="s">
        <v>7531</v>
      </c>
      <c r="H1408" s="43" t="s">
        <v>5850</v>
      </c>
      <c r="I1408" s="43" t="s">
        <v>5983</v>
      </c>
      <c r="J1408" s="19">
        <v>35.313821230000002</v>
      </c>
      <c r="K1408" s="19">
        <v>139.24654792000001</v>
      </c>
      <c r="L1408" s="43" t="s">
        <v>6276</v>
      </c>
      <c r="M1408" s="43" t="s">
        <v>6277</v>
      </c>
      <c r="N1408" s="16" t="s">
        <v>9337</v>
      </c>
      <c r="O1408" s="19">
        <v>1978</v>
      </c>
      <c r="P1408" s="19" t="s">
        <v>4103</v>
      </c>
      <c r="Q1408" s="41" t="s">
        <v>5852</v>
      </c>
      <c r="R1408" s="23">
        <v>45065</v>
      </c>
    </row>
    <row r="1409" spans="1:18" ht="14.4" customHeight="1" x14ac:dyDescent="0.2">
      <c r="A1409" s="42" t="s">
        <v>8867</v>
      </c>
      <c r="B1409" s="10" t="s">
        <v>5687</v>
      </c>
      <c r="C1409" s="16">
        <v>5</v>
      </c>
      <c r="D1409" s="16">
        <v>513</v>
      </c>
      <c r="E1409" s="16">
        <v>1505</v>
      </c>
      <c r="F1409" s="43" t="s">
        <v>5810</v>
      </c>
      <c r="G1409" s="26" t="s">
        <v>7532</v>
      </c>
      <c r="H1409" s="43" t="s">
        <v>5851</v>
      </c>
      <c r="I1409" s="43" t="s">
        <v>5984</v>
      </c>
      <c r="J1409" s="19">
        <v>35.320380419999999</v>
      </c>
      <c r="K1409" s="19">
        <v>139.14829750000001</v>
      </c>
      <c r="L1409" s="43" t="s">
        <v>6278</v>
      </c>
      <c r="M1409" s="43" t="s">
        <v>6279</v>
      </c>
      <c r="N1409" s="16" t="s">
        <v>9338</v>
      </c>
      <c r="O1409" s="19">
        <v>1983</v>
      </c>
      <c r="P1409" s="19" t="s">
        <v>4103</v>
      </c>
      <c r="Q1409" s="41" t="s">
        <v>5852</v>
      </c>
      <c r="R1409" s="23">
        <v>45065</v>
      </c>
    </row>
    <row r="1410" spans="1:18" ht="14.4" customHeight="1" x14ac:dyDescent="0.2">
      <c r="A1410" s="42" t="s">
        <v>8868</v>
      </c>
      <c r="B1410" s="10" t="s">
        <v>5687</v>
      </c>
      <c r="C1410" s="16">
        <v>5</v>
      </c>
      <c r="D1410" s="16">
        <v>513</v>
      </c>
      <c r="E1410" s="16">
        <v>1505</v>
      </c>
      <c r="F1410" s="43" t="s">
        <v>5811</v>
      </c>
      <c r="G1410" s="26" t="s">
        <v>7533</v>
      </c>
      <c r="H1410" s="43" t="s">
        <v>1792</v>
      </c>
      <c r="I1410" s="43" t="s">
        <v>5985</v>
      </c>
      <c r="J1410" s="19">
        <v>35.354401150000001</v>
      </c>
      <c r="K1410" s="19">
        <v>139.10799370000001</v>
      </c>
      <c r="L1410" s="43" t="s">
        <v>6280</v>
      </c>
      <c r="M1410" s="43" t="s">
        <v>6281</v>
      </c>
      <c r="N1410" s="16" t="s">
        <v>9339</v>
      </c>
      <c r="O1410" s="19">
        <v>1942</v>
      </c>
      <c r="P1410" s="19" t="s">
        <v>4103</v>
      </c>
      <c r="Q1410" s="41" t="s">
        <v>5852</v>
      </c>
      <c r="R1410" s="23">
        <v>45065</v>
      </c>
    </row>
    <row r="1411" spans="1:18" ht="14.4" customHeight="1" x14ac:dyDescent="0.2">
      <c r="A1411" s="42" t="s">
        <v>8869</v>
      </c>
      <c r="B1411" s="10" t="s">
        <v>5687</v>
      </c>
      <c r="C1411" s="16">
        <v>5</v>
      </c>
      <c r="D1411" s="16">
        <v>513</v>
      </c>
      <c r="E1411" s="16">
        <v>1505</v>
      </c>
      <c r="F1411" s="43" t="s">
        <v>5812</v>
      </c>
      <c r="G1411" s="26" t="s">
        <v>7534</v>
      </c>
      <c r="H1411" s="43" t="s">
        <v>1794</v>
      </c>
      <c r="I1411" s="43" t="s">
        <v>5986</v>
      </c>
      <c r="J1411" s="19">
        <v>35.336119170000003</v>
      </c>
      <c r="K1411" s="19">
        <v>139.12611787</v>
      </c>
      <c r="L1411" s="43" t="s">
        <v>6282</v>
      </c>
      <c r="M1411" s="43" t="s">
        <v>6283</v>
      </c>
      <c r="N1411" s="16" t="s">
        <v>10029</v>
      </c>
      <c r="O1411" s="19">
        <v>2016</v>
      </c>
      <c r="P1411" s="19" t="s">
        <v>4103</v>
      </c>
      <c r="Q1411" s="49" t="s">
        <v>9340</v>
      </c>
      <c r="R1411" s="23">
        <v>45065</v>
      </c>
    </row>
    <row r="1412" spans="1:18" ht="14.4" customHeight="1" x14ac:dyDescent="0.2">
      <c r="A1412" s="42" t="s">
        <v>8870</v>
      </c>
      <c r="B1412" s="10" t="s">
        <v>5687</v>
      </c>
      <c r="C1412" s="16">
        <v>5</v>
      </c>
      <c r="D1412" s="16">
        <v>513</v>
      </c>
      <c r="E1412" s="16">
        <v>1505</v>
      </c>
      <c r="F1412" s="43" t="s">
        <v>5813</v>
      </c>
      <c r="G1412" s="26" t="s">
        <v>7535</v>
      </c>
      <c r="H1412" s="43" t="s">
        <v>1473</v>
      </c>
      <c r="I1412" s="43" t="s">
        <v>5987</v>
      </c>
      <c r="J1412" s="19">
        <v>35.532449790000001</v>
      </c>
      <c r="K1412" s="19">
        <v>139.31715512</v>
      </c>
      <c r="L1412" s="43" t="s">
        <v>6284</v>
      </c>
      <c r="M1412" s="43" t="s">
        <v>6285</v>
      </c>
      <c r="N1412" s="16" t="s">
        <v>9341</v>
      </c>
      <c r="O1412" s="19">
        <v>1983</v>
      </c>
      <c r="P1412" s="19" t="s">
        <v>4103</v>
      </c>
      <c r="Q1412" s="41" t="s">
        <v>5852</v>
      </c>
      <c r="R1412" s="23">
        <v>45065</v>
      </c>
    </row>
    <row r="1413" spans="1:18" ht="14.4" customHeight="1" x14ac:dyDescent="0.2">
      <c r="A1413" s="42" t="s">
        <v>8871</v>
      </c>
      <c r="B1413" s="10" t="s">
        <v>5687</v>
      </c>
      <c r="C1413" s="16">
        <v>4</v>
      </c>
      <c r="D1413" s="16">
        <v>510</v>
      </c>
      <c r="E1413" s="16">
        <v>1505</v>
      </c>
      <c r="F1413" s="43" t="s">
        <v>6286</v>
      </c>
      <c r="G1413" s="26" t="s">
        <v>10121</v>
      </c>
      <c r="H1413" s="43" t="s">
        <v>7752</v>
      </c>
      <c r="I1413" s="43" t="s">
        <v>6289</v>
      </c>
      <c r="J1413" s="19">
        <v>35.536244709999998</v>
      </c>
      <c r="K1413" s="19">
        <v>139.43129347000001</v>
      </c>
      <c r="L1413" s="43" t="s">
        <v>10122</v>
      </c>
      <c r="M1413" s="17" t="s">
        <v>10123</v>
      </c>
      <c r="N1413" s="16" t="s">
        <v>10030</v>
      </c>
      <c r="O1413" s="19">
        <v>2008</v>
      </c>
      <c r="P1413" s="19" t="s">
        <v>4103</v>
      </c>
      <c r="Q1413" s="87" t="s">
        <v>6288</v>
      </c>
      <c r="R1413" s="23">
        <v>45065</v>
      </c>
    </row>
    <row r="1414" spans="1:18" ht="14.4" customHeight="1" x14ac:dyDescent="0.2">
      <c r="A1414" s="42" t="s">
        <v>8872</v>
      </c>
      <c r="B1414" s="10" t="s">
        <v>5687</v>
      </c>
      <c r="C1414" s="16">
        <v>4</v>
      </c>
      <c r="D1414" s="16">
        <v>510</v>
      </c>
      <c r="E1414" s="16">
        <v>1505</v>
      </c>
      <c r="F1414" s="43" t="s">
        <v>6287</v>
      </c>
      <c r="G1414" s="26" t="s">
        <v>10124</v>
      </c>
      <c r="H1414" s="43" t="s">
        <v>1036</v>
      </c>
      <c r="I1414" s="43" t="s">
        <v>6290</v>
      </c>
      <c r="J1414" s="19">
        <v>35.342784160000001</v>
      </c>
      <c r="K1414" s="19">
        <v>139.33850727999999</v>
      </c>
      <c r="L1414" s="43" t="s">
        <v>10125</v>
      </c>
      <c r="M1414" s="17" t="s">
        <v>10135</v>
      </c>
      <c r="N1414" s="16" t="s">
        <v>10031</v>
      </c>
      <c r="O1414" s="19">
        <v>2009</v>
      </c>
      <c r="P1414" s="19" t="s">
        <v>4103</v>
      </c>
      <c r="Q1414" s="87" t="s">
        <v>6288</v>
      </c>
      <c r="R1414" s="23">
        <v>45065</v>
      </c>
    </row>
  </sheetData>
  <autoFilter ref="A1:R1414"/>
  <phoneticPr fontId="18"/>
  <conditionalFormatting sqref="B916:D937 F929:O937 F916:P928">
    <cfRule type="cellIs" dxfId="2" priority="2" operator="equal">
      <formula>0</formula>
    </cfRule>
  </conditionalFormatting>
  <conditionalFormatting sqref="Q916:Q937">
    <cfRule type="cellIs" dxfId="1" priority="3" operator="equal">
      <formula>0</formula>
    </cfRule>
  </conditionalFormatting>
  <conditionalFormatting sqref="E916:E937">
    <cfRule type="cellIs" dxfId="0" priority="1" operator="equal">
      <formula>0</formula>
    </cfRule>
  </conditionalFormatting>
  <dataValidations disablePrompts="1" count="5">
    <dataValidation allowBlank="1" showInputMessage="1" sqref="P487"/>
    <dataValidation type="custom" allowBlank="1" showInputMessage="1" showErrorMessage="1" error="登録済みです！" sqref="M1124 M1098:M1099 M1102 M1109 M1079:M1080 M1086:M1088 M1092:M1094 M1106 M1111 M1000:M1001 M913:M937 M854:M862 M734:M749 M682:M704 M253:M357 M199:M251 M1131:M1133 M1046:M1051 M1029:M1034 M1014:M1015 M961:M973 M1118 M864 M1057:M1059 M1136:M1137 M1114 M1120">
      <formula1>COUNTIF(M:M,M199)&lt;2</formula1>
    </dataValidation>
    <dataValidation type="custom" allowBlank="1" showInputMessage="1" showErrorMessage="1" error="登録済みです！" sqref="G506 G473:G502">
      <formula1>COUNTIF(M:M,G473)&lt;2</formula1>
    </dataValidation>
    <dataValidation type="custom" allowBlank="1" showInputMessage="1" showErrorMessage="1" error="かぶってる" sqref="M811:M828">
      <formula1>COUNTIF(M:M,M811)&lt;2</formula1>
    </dataValidation>
    <dataValidation type="custom" allowBlank="1" showInputMessage="1" showErrorMessage="1" error="登録済みです！" sqref="I810:I818">
      <formula1>COUNTIF(M:M,I810)&lt;2</formula1>
    </dataValidation>
  </dataValidations>
  <hyperlinks>
    <hyperlink ref="N1005" r:id="rId1"/>
    <hyperlink ref="N1006" r:id="rId2"/>
    <hyperlink ref="N1007" r:id="rId3"/>
    <hyperlink ref="N1008" r:id="rId4"/>
    <hyperlink ref="N1009" r:id="rId5"/>
    <hyperlink ref="N1010" r:id="rId6"/>
    <hyperlink ref="N1011" r:id="rId7"/>
    <hyperlink ref="N1012" r:id="rId8"/>
    <hyperlink ref="N1013" r:id="rId9"/>
    <hyperlink ref="N1014" r:id="rId10"/>
    <hyperlink ref="N1015" r:id="rId11"/>
    <hyperlink ref="N1016" r:id="rId12"/>
    <hyperlink ref="N1017" r:id="rId13"/>
    <hyperlink ref="N1018" r:id="rId14"/>
    <hyperlink ref="N1019" r:id="rId15"/>
    <hyperlink ref="N1020" r:id="rId16"/>
    <hyperlink ref="N1021" r:id="rId17"/>
    <hyperlink ref="N1022" r:id="rId18"/>
    <hyperlink ref="N1023" r:id="rId19"/>
    <hyperlink ref="N1024" r:id="rId20"/>
    <hyperlink ref="N1025" r:id="rId21"/>
    <hyperlink ref="N1026" r:id="rId22"/>
    <hyperlink ref="N1027" r:id="rId23"/>
    <hyperlink ref="N1028" r:id="rId24"/>
    <hyperlink ref="N1029" r:id="rId25"/>
    <hyperlink ref="N1030" r:id="rId26"/>
    <hyperlink ref="N1031" r:id="rId27"/>
    <hyperlink ref="N1032" r:id="rId28"/>
    <hyperlink ref="N1033" r:id="rId29"/>
    <hyperlink ref="N1034" r:id="rId30"/>
    <hyperlink ref="N1035" r:id="rId31"/>
    <hyperlink ref="N1036" r:id="rId32"/>
    <hyperlink ref="N1045" r:id="rId33"/>
    <hyperlink ref="N1046" r:id="rId34"/>
    <hyperlink ref="N1051" r:id="rId35"/>
    <hyperlink ref="N1047" r:id="rId36"/>
    <hyperlink ref="N1048" r:id="rId37"/>
    <hyperlink ref="N1052" r:id="rId38"/>
    <hyperlink ref="N1049" r:id="rId39"/>
    <hyperlink ref="N1050" r:id="rId40"/>
    <hyperlink ref="N1053" r:id="rId41"/>
    <hyperlink ref="N1054" r:id="rId42"/>
    <hyperlink ref="N1055" r:id="rId43"/>
    <hyperlink ref="N1250" r:id="rId44"/>
    <hyperlink ref="N1251" r:id="rId45"/>
    <hyperlink ref="N775" r:id="rId46"/>
    <hyperlink ref="N1192" r:id="rId47"/>
    <hyperlink ref="N1193" r:id="rId48"/>
    <hyperlink ref="N1194" r:id="rId49"/>
    <hyperlink ref="N1195" r:id="rId50"/>
    <hyperlink ref="N1196" r:id="rId51"/>
    <hyperlink ref="N1197" r:id="rId52"/>
    <hyperlink ref="N1198" r:id="rId53"/>
    <hyperlink ref="N1199" r:id="rId54"/>
    <hyperlink ref="N1249" r:id="rId55"/>
    <hyperlink ref="N1248" r:id="rId56"/>
    <hyperlink ref="N1247" r:id="rId57"/>
    <hyperlink ref="N1261" r:id="rId58"/>
    <hyperlink ref="N1262" r:id="rId59"/>
    <hyperlink ref="N1263" r:id="rId60"/>
    <hyperlink ref="N1358" r:id="rId61" display="https://www.pen-kanagawa.ed.jp/hiratsukanoushou-h"/>
    <hyperlink ref="N1356" r:id="rId62"/>
    <hyperlink ref="N1345" r:id="rId63"/>
    <hyperlink ref="N1338" r:id="rId64"/>
    <hyperlink ref="N1399" r:id="rId65"/>
    <hyperlink ref="N1323" r:id="rId66"/>
    <hyperlink ref="N1340" r:id="rId67"/>
    <hyperlink ref="N1380" r:id="rId68"/>
    <hyperlink ref="N498" r:id="rId69"/>
    <hyperlink ref="N378" r:id="rId70"/>
    <hyperlink ref="N492" r:id="rId71"/>
    <hyperlink ref="N3" r:id="rId72"/>
    <hyperlink ref="N9" r:id="rId73"/>
    <hyperlink ref="N4" r:id="rId74" display="https://www.edu.city.yokohama.lg.jp/school/es/ichiba/_x000a_"/>
    <hyperlink ref="N544" display="https://kawasaki-edu.jp/2/213nakahara"/>
    <hyperlink ref="N890" r:id="rId75"/>
    <hyperlink ref="N891" r:id="rId76"/>
    <hyperlink ref="N892" r:id="rId77"/>
    <hyperlink ref="N893" r:id="rId78"/>
    <hyperlink ref="N894" r:id="rId79"/>
    <hyperlink ref="N895" r:id="rId80"/>
    <hyperlink ref="N896" r:id="rId81"/>
    <hyperlink ref="N897" r:id="rId82"/>
    <hyperlink ref="N898" r:id="rId83"/>
    <hyperlink ref="N899" r:id="rId84"/>
    <hyperlink ref="N900" r:id="rId85"/>
    <hyperlink ref="N901" r:id="rId86"/>
    <hyperlink ref="N902" r:id="rId87"/>
    <hyperlink ref="N903" r:id="rId88"/>
    <hyperlink ref="N904" r:id="rId89"/>
    <hyperlink ref="N905" r:id="rId90"/>
    <hyperlink ref="N906" r:id="rId91"/>
    <hyperlink ref="N907" r:id="rId92"/>
    <hyperlink ref="N908" r:id="rId93"/>
    <hyperlink ref="N909" r:id="rId94"/>
    <hyperlink ref="N910" r:id="rId95"/>
    <hyperlink ref="N911" r:id="rId96"/>
    <hyperlink ref="N912" r:id="rId97"/>
    <hyperlink ref="N913" r:id="rId98"/>
    <hyperlink ref="N914" r:id="rId99"/>
    <hyperlink ref="N1037" r:id="rId100"/>
    <hyperlink ref="N1038" r:id="rId101"/>
    <hyperlink ref="N1039" r:id="rId102"/>
    <hyperlink ref="N1040" r:id="rId103"/>
    <hyperlink ref="N1041" r:id="rId104"/>
    <hyperlink ref="N1042" r:id="rId105"/>
    <hyperlink ref="N1043" r:id="rId106"/>
    <hyperlink ref="N1044" r:id="rId107"/>
    <hyperlink ref="N1147" r:id="rId108" display="http://www.isehara.ed.jp/ohta-e/"/>
    <hyperlink ref="N1149" r:id="rId109" display="http://www.isehara.ed.jp/midoridai-e/"/>
    <hyperlink ref="N1200" r:id="rId110"/>
    <hyperlink ref="N1201" r:id="rId111"/>
    <hyperlink ref="N1202" r:id="rId112"/>
    <hyperlink ref="N1203" r:id="rId113"/>
    <hyperlink ref="N1204" r:id="rId114"/>
    <hyperlink ref="N1205" r:id="rId115"/>
    <hyperlink ref="N1206" r:id="rId116"/>
    <hyperlink ref="N1207" r:id="rId117"/>
    <hyperlink ref="N1208" r:id="rId118"/>
    <hyperlink ref="N1209" r:id="rId119"/>
    <hyperlink ref="N1210" r:id="rId120"/>
    <hyperlink ref="N1211" r:id="rId121"/>
    <hyperlink ref="N1212" r:id="rId122"/>
    <hyperlink ref="N1213" r:id="rId123"/>
    <hyperlink ref="N1214" r:id="rId124"/>
    <hyperlink ref="N1227" r:id="rId125" display="http://www.samukawa.ed.jp/okachu2/_x000a_"/>
    <hyperlink ref="N1228" r:id="rId126"/>
    <hyperlink ref="N1229" r:id="rId127"/>
    <hyperlink ref="N1230" r:id="rId128"/>
    <hyperlink ref="N1232" r:id="rId129"/>
    <hyperlink ref="N1233" r:id="rId130"/>
    <hyperlink ref="N1231" r:id="rId131"/>
    <hyperlink ref="N1234" r:id="rId132"/>
    <hyperlink ref="N1240" r:id="rId133"/>
    <hyperlink ref="N1241" r:id="rId134"/>
    <hyperlink ref="N1242" r:id="rId135"/>
  </hyperlinks>
  <pageMargins left="0.70866141732283472" right="0.70866141732283472" top="0.74803149606299213" bottom="0.74803149606299213" header="0.31496062992125984" footer="0.31496062992125984"/>
  <pageSetup paperSize="9" scale="34" fitToHeight="0" orientation="landscape" r:id="rId136"/>
  <headerFooter>
    <oddHeader>&amp;C&amp;"ＭＳ ゴシック,標準"&amp;18学校基本情報フォーマット</oddHeader>
  </headerFooter>
  <rowBreaks count="1" manualBreakCount="1">
    <brk id="774" min="1" max="16" man="1"/>
  </rowBreaks>
  <extLst>
    <ext xmlns:x14="http://schemas.microsoft.com/office/spreadsheetml/2009/9/main" uri="{CCE6A557-97BC-4b89-ADB6-D9C93CAAB3DF}">
      <x14:dataValidations xmlns:xm="http://schemas.microsoft.com/office/excel/2006/main" disablePrompts="1" count="57">
        <x14:dataValidation type="list" allowBlank="1" showInputMessage="1" showErrorMessage="1">
          <x14:formula1>
            <xm:f>'\\kfs01\s0107new\10_データ連携推進G\06_オープンデータ\01_庁内\03_オープンデータサイト\05_市町村共同公開データ更新（年度末）\2021年度\02回答\04公立小・中・高等学校等一覧\●33清川村（修正なし）\[【清川村 修正無】4_公立小・中・高等学校等一覧.XLSX]リスト'!#REF!</xm:f>
          </x14:formula1>
          <xm:sqref>E1136:E1137</xm:sqref>
        </x14:dataValidation>
        <x14:dataValidation type="list" allowBlank="1" showInputMessage="1" showErrorMessage="1">
          <x14:formula1>
            <xm:f>リスト!$B$1:$B$4</xm:f>
          </x14:formula1>
          <xm:sqref>D1415:D1048576 D1:D2 D775:D844 D915:D968 D1005:D1036 D1045:D1077 D1114:D1141 D1156:D1199 D1243:D1254 D1274:D1277 D1261:D1264</xm:sqref>
        </x14:dataValidation>
        <x14:dataValidation type="list" allowBlank="1" showInputMessage="1" showErrorMessage="1">
          <x14:formula1>
            <xm:f>リスト!$C$1:$C$2</xm:f>
          </x14:formula1>
          <xm:sqref>P1415:P1048576 P1:P2 P775:P844 P915:P968 P1005:P1036 P1045:P1077 P1114:P1141 P1156:P1199 P1243:P1254 P1274:P1277 P1261:P1264</xm:sqref>
        </x14:dataValidation>
        <x14:dataValidation type="list" allowBlank="1" showInputMessage="1" showErrorMessage="1">
          <x14:formula1>
            <xm:f>リスト!$A$1:$A$6</xm:f>
          </x14:formula1>
          <xm:sqref>C1415:C1048576 C1:C2 C775:C844 C915:C968 C1005:C1036 C1045:C1077 C1114:C1141 C1156:C1199 C1243:C1254 C1274:C1277 C1261:C126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0神奈川県\[03_【教育局回答(県立学校)】公立小・中・高等学校等一覧.xlsx.XLSX]リスト'!#REF!</xm:f>
          </x14:formula1>
          <xm:sqref>C1278:C141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0神奈川県\[03_【教育局回答(県立学校)】公立小・中・高等学校等一覧.xlsx.XLSX]リスト'!#REF!</xm:f>
          </x14:formula1>
          <xm:sqref>P1278:P141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0神奈川県\[03_【教育局回答(県立学校)】公立小・中・高等学校等一覧.xlsx.XLSX]リスト'!#REF!</xm:f>
          </x14:formula1>
          <xm:sqref>D1278:D141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1横浜市\[横浜市03_公立小・中・高等学校等一覧.xlsx.XLSX]リスト'!#REF!</xm:f>
          </x14:formula1>
          <xm:sqref>C3:C498</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1横浜市\[横浜市03_公立小・中・高等学校等一覧.xlsx.XLSX]リスト'!#REF!</xm:f>
          </x14:formula1>
          <xm:sqref>P3:P486 P488:P498</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1横浜市\[横浜市03_公立小・中・高等学校等一覧.xlsx.XLSX]リスト'!#REF!</xm:f>
          </x14:formula1>
          <xm:sqref>D3:D498</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2川崎市\[川崎市03_公立小・中・高等学校等一覧.xlsx]リスト'!#REF!</xm:f>
          </x14:formula1>
          <xm:sqref>C499:C669</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2川崎市\[川崎市03_公立小・中・高等学校等一覧.xlsx]リスト'!#REF!</xm:f>
          </x14:formula1>
          <xm:sqref>P499:P669</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2川崎市\[川崎市03_公立小・中・高等学校等一覧.xlsx]リスト'!#REF!</xm:f>
          </x14:formula1>
          <xm:sqref>D499:D669</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3相模原市\[相模原市03_公立小・中・高等学校等一覧.xlsx.XLSX]リスト'!#REF!</xm:f>
          </x14:formula1>
          <xm:sqref>C670:C77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3相模原市\[相模原市03_公立小・中・高等学校等一覧.xlsx.XLSX]リスト'!#REF!</xm:f>
          </x14:formula1>
          <xm:sqref>P670:P77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3相模原市\[相模原市03_公立小・中・高等学校等一覧.xlsx.XLSX]リスト'!#REF!</xm:f>
          </x14:formula1>
          <xm:sqref>D670:D77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5平塚市\[平塚市04_公立小・中・高等学校等一覧.xlsx]リスト'!#REF!</xm:f>
          </x14:formula1>
          <xm:sqref>C845:C889</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5平塚市\[平塚市04_公立小・中・高等学校等一覧.xlsx]リスト'!#REF!</xm:f>
          </x14:formula1>
          <xm:sqref>P845:P889</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5平塚市\[平塚市04_公立小・中・高等学校等一覧.xlsx]リスト'!#REF!</xm:f>
          </x14:formula1>
          <xm:sqref>D845:D889</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6鎌倉市\[鎌倉市03_公立小・中・高等学校等一覧.xlsx（回答）.XLSX]リスト'!#REF!</xm:f>
          </x14:formula1>
          <xm:sqref>C890:C91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6鎌倉市\[鎌倉市03_公立小・中・高等学校等一覧.xlsx（回答）.XLSX]リスト'!#REF!</xm:f>
          </x14:formula1>
          <xm:sqref>P890:P91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6鎌倉市\[鎌倉市03_公立小・中・高等学校等一覧.xlsx（回答）.XLSX]リスト'!#REF!</xm:f>
          </x14:formula1>
          <xm:sqref>D890:D91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8小田原市\[小田原市03_公立小・中・高等学校等一覧.xlsx.XLSX]リスト'!#REF!</xm:f>
          </x14:formula1>
          <xm:sqref>C969:C100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8小田原市\[小田原市03_公立小・中・高等学校等一覧.xlsx.XLSX]リスト'!#REF!</xm:f>
          </x14:formula1>
          <xm:sqref>P969:P100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08小田原市\[小田原市03_公立小・中・高等学校等一覧.xlsx.XLSX]リスト'!#REF!</xm:f>
          </x14:formula1>
          <xm:sqref>D969:D100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0逗子市\[03_公立小・中・高等学校等一覧.xlsx.XLSX]リスト'!#REF!</xm:f>
          </x14:formula1>
          <xm:sqref>C1037:C104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0逗子市\[03_公立小・中・高等学校等一覧.xlsx.XLSX]リスト'!#REF!</xm:f>
          </x14:formula1>
          <xm:sqref>P1037:P104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0逗子市\[03_公立小・中・高等学校等一覧.xlsx.XLSX]リスト'!#REF!</xm:f>
          </x14:formula1>
          <xm:sqref>D1037:D104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3厚木市\[【厚木市】03_公立小・中・高等学校等一覧.xlsx]リスト'!#REF!</xm:f>
          </x14:formula1>
          <xm:sqref>C1078:C1113</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3厚木市\[【厚木市】03_公立小・中・高等学校等一覧.xlsx]リスト'!#REF!</xm:f>
          </x14:formula1>
          <xm:sqref>P1078:P1113</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3厚木市\[【厚木市】03_公立小・中・高等学校等一覧.xlsx]リスト'!#REF!</xm:f>
          </x14:formula1>
          <xm:sqref>D1078:D1113</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5伊勢原市\[伊勢原市03_公立小・中・高等学校等一覧.XLSX]リスト'!#REF!</xm:f>
          </x14:formula1>
          <xm:sqref>C1142:C1155</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5伊勢原市\[伊勢原市03_公立小・中・高等学校等一覧.XLSX]リスト'!#REF!</xm:f>
          </x14:formula1>
          <xm:sqref>P1142:P1155</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5伊勢原市\[伊勢原市03_公立小・中・高等学校等一覧.XLSX]リスト'!#REF!</xm:f>
          </x14:formula1>
          <xm:sqref>D1142:D1155</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9綾瀬市\[【綾瀬市】03_公立小・中・高等学校等一覧.xlsx]リスト'!#REF!</xm:f>
          </x14:formula1>
          <xm:sqref>C1200:C121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9綾瀬市\[【綾瀬市】03_公立小・中・高等学校等一覧.xlsx]リスト'!#REF!</xm:f>
          </x14:formula1>
          <xm:sqref>P1200:P121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19綾瀬市\[【綾瀬市】03_公立小・中・高等学校等一覧.xlsx]リスト'!#REF!</xm:f>
          </x14:formula1>
          <xm:sqref>D1200:D1214</xm:sqref>
        </x14:dataValidation>
        <x14:dataValidation type="list" allowBlank="1" showInputMessage="1" showErrorMessage="1">
          <x14:formula1>
            <xm:f>'\\kfs01\s0107\10_データ連携推進G\06_オープンデータ\01_庁内\03_オープンデータサイト\05_市町村共同公開データ更新（年度末）\2021年度\02回答\04公立小・中・高等学校等一覧\★00神奈川県\[01_＜差替＞（教ビ・広報）公立小・中・高等学校等一覧.XLSX]リスト'!#REF!</xm:f>
          </x14:formula1>
          <xm:sqref>E1138:E1214 E1221:E1275</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1寒川町\[寒川町03_公立小・中・高等学校等一覧.xlsx.XLSX]リスト'!#REF!</xm:f>
          </x14:formula1>
          <xm:sqref>C1221:C1228</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1寒川町\[寒川町03_公立小・中・高等学校等一覧.xlsx.XLSX]リスト'!#REF!</xm:f>
          </x14:formula1>
          <xm:sqref>P1221:P1228</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1寒川町\[寒川町03_公立小・中・高等学校等一覧.xlsx.XLSX]リスト'!#REF!</xm:f>
          </x14:formula1>
          <xm:sqref>D1221:D1228</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2大磯町\[大磯町03_公立小・中・高等学校等一覧.xlsx.XLSX]リスト'!#REF!</xm:f>
          </x14:formula1>
          <xm:sqref>C1229:C123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2大磯町\[大磯町03_公立小・中・高等学校等一覧.xlsx.XLSX]リスト'!#REF!</xm:f>
          </x14:formula1>
          <xm:sqref>P1229:P123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2大磯町\[大磯町03_公立小・中・高等学校等一覧.xlsx.XLSX]リスト'!#REF!</xm:f>
          </x14:formula1>
          <xm:sqref>D1229:D1234</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3二宮町\[二宮町03_公立小・中・高等学校等一覧.XLSX]リスト'!#REF!</xm:f>
          </x14:formula1>
          <xm:sqref>C1235:C1239</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3二宮町\[二宮町03_公立小・中・高等学校等一覧.XLSX]リスト'!#REF!</xm:f>
          </x14:formula1>
          <xm:sqref>P1235:P1239</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3二宮町\[二宮町03_公立小・中・高等学校等一覧.XLSX]リスト'!#REF!</xm:f>
          </x14:formula1>
          <xm:sqref>D1235:D1239</xm:sqref>
        </x14:dataValidation>
        <x14:dataValidation type="list" allowBlank="1" showInputMessage="1" showErrorMessage="1">
          <x14:formula1>
            <xm:f>[【教育課】03_公立小・中・高等学校等一覧.xlsx]リスト!#REF!</xm:f>
          </x14:formula1>
          <xm:sqref>C1240:D1242 P1240:P1242</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9箱根町\[箱根町03_公立小・中・高等学校等一覧.xlsx.XLSX]リスト'!#REF!</xm:f>
          </x14:formula1>
          <xm:sqref>C1255:C1258</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9箱根町\[箱根町03_公立小・中・高等学校等一覧.xlsx.XLSX]リスト'!#REF!</xm:f>
          </x14:formula1>
          <xm:sqref>P1255:P1258</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29箱根町\[箱根町03_公立小・中・高等学校等一覧.xlsx.XLSX]リスト'!#REF!</xm:f>
          </x14:formula1>
          <xm:sqref>D1255:D1258</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32愛川町\[愛川町03_公立小・中・高等学校等一覧.XLSX]リスト'!#REF!</xm:f>
          </x14:formula1>
          <xm:sqref>C1265:C1273</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32愛川町\[愛川町03_公立小・中・高等学校等一覧.XLSX]リスト'!#REF!</xm:f>
          </x14:formula1>
          <xm:sqref>P1265:P1273</xm:sqref>
        </x14:dataValidation>
        <x14:dataValidation type="list" allowBlank="1" showInputMessage="1" showErrorMessage="1">
          <x14:formula1>
            <xm:f>'\\kfs01\s0107\10_データ連携推進G\42_オープンデータ運用\02_オープンデータサイト\05_市町村共同公開データ更新（年度末）\2023年度\回答\04公立小・中・高等学校等一覧\★32愛川町\[愛川町03_公立小・中・高等学校等一覧.XLSX]リスト'!#REF!</xm:f>
          </x14:formula1>
          <xm:sqref>D1265:D1273</xm:sqref>
        </x14:dataValidation>
        <x14:dataValidation type="list" allowBlank="1" showInputMessage="1" showErrorMessage="1">
          <x14:formula1>
            <xm:f>'\\kfs01\s0107\10_データ連携推進G\42_オープンデータ運用\02_オープンデータサイト\05_市町村共同公開データ更新（年度末）\2023年度\03回答\04公立小・中・高等学校等一覧\30真鶴町\[06_学校.XLSX]リスト'!#REF!</xm:f>
          </x14:formula1>
          <xm:sqref>C1259:C1260</xm:sqref>
        </x14:dataValidation>
        <x14:dataValidation type="list" allowBlank="1" showInputMessage="1" showErrorMessage="1">
          <x14:formula1>
            <xm:f>'\\kfs01\s0107\10_データ連携推進G\42_オープンデータ運用\02_オープンデータサイト\05_市町村共同公開データ更新（年度末）\2023年度\03回答\04公立小・中・高等学校等一覧\30真鶴町\[06_学校.XLSX]リスト'!#REF!</xm:f>
          </x14:formula1>
          <xm:sqref>P1259:P1260</xm:sqref>
        </x14:dataValidation>
        <x14:dataValidation type="list" allowBlank="1" showInputMessage="1" showErrorMessage="1">
          <x14:formula1>
            <xm:f>'\\kfs01\s0107\10_データ連携推進G\42_オープンデータ運用\02_オープンデータサイト\05_市町村共同公開データ更新（年度末）\2023年度\03回答\04公立小・中・高等学校等一覧\30真鶴町\[06_学校.XLSX]リスト'!#REF!</xm:f>
          </x14:formula1>
          <xm:sqref>D1259:D1260</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6"/>
  <sheetViews>
    <sheetView workbookViewId="0"/>
  </sheetViews>
  <sheetFormatPr defaultRowHeight="14.4" x14ac:dyDescent="0.2"/>
  <sheetData>
    <row r="1" spans="1:3" x14ac:dyDescent="0.2">
      <c r="A1">
        <v>1</v>
      </c>
      <c r="B1">
        <v>510</v>
      </c>
      <c r="C1">
        <v>1</v>
      </c>
    </row>
    <row r="2" spans="1:3" x14ac:dyDescent="0.2">
      <c r="A2">
        <v>2</v>
      </c>
      <c r="B2">
        <v>511</v>
      </c>
      <c r="C2">
        <v>0</v>
      </c>
    </row>
    <row r="3" spans="1:3" x14ac:dyDescent="0.2">
      <c r="A3">
        <v>3</v>
      </c>
      <c r="B3">
        <v>512</v>
      </c>
    </row>
    <row r="4" spans="1:3" x14ac:dyDescent="0.2">
      <c r="A4">
        <v>4</v>
      </c>
      <c r="B4">
        <v>513</v>
      </c>
    </row>
    <row r="5" spans="1:3" x14ac:dyDescent="0.2">
      <c r="A5">
        <v>5</v>
      </c>
    </row>
    <row r="6" spans="1:3" x14ac:dyDescent="0.2">
      <c r="A6">
        <v>6</v>
      </c>
    </row>
  </sheetData>
  <phoneticPr fontId="18"/>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公立小・中・高等学校等</vt:lpstr>
      <vt:lpstr>リスト</vt:lpstr>
      <vt:lpstr>公立小・中・高等学校等!Print_Area</vt:lpstr>
      <vt:lpstr>公立小・中・高等学校等!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世古 直己</dc:creator>
  <cp:lastModifiedBy>user</cp:lastModifiedBy>
  <cp:lastPrinted>2023-05-17T08:37:33Z</cp:lastPrinted>
  <dcterms:created xsi:type="dcterms:W3CDTF">2018-09-27T02:54:05Z</dcterms:created>
  <dcterms:modified xsi:type="dcterms:W3CDTF">2023-05-17T08:37:38Z</dcterms:modified>
</cp:coreProperties>
</file>